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5_大井町\"/>
    </mc:Choice>
  </mc:AlternateContent>
  <workbookProtection workbookAlgorithmName="SHA-512" workbookHashValue="2XuTHFO9n2OahXeiBqxHjS5pAJJoh5/I5trTBmmQUuRr3dTrVrE8Au+JVKx275a8nrAOIa/GnBckh2rpuHK0Gw==" workbookSaltValue="fLa8hy8mQQ/PLQs/0YJv5Q==" workbookSpinCount="100000" lockStructure="1"/>
  <bookViews>
    <workbookView xWindow="396" yWindow="396" windowWidth="19932" windowHeight="10860"/>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I86"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E86" i="4" s="1"/>
  <c r="AH6" i="5"/>
  <c r="AG6" i="5"/>
  <c r="AF6" i="5"/>
  <c r="AE6" i="5"/>
  <c r="AD6" i="5"/>
  <c r="AC6" i="5"/>
  <c r="AB6" i="5"/>
  <c r="AA6" i="5"/>
  <c r="Z6" i="5"/>
  <c r="Y6" i="5"/>
  <c r="X6" i="5"/>
  <c r="BB10" i="4" s="1"/>
  <c r="W6" i="5"/>
  <c r="V6" i="5"/>
  <c r="U6" i="5"/>
  <c r="BB8" i="4" s="1"/>
  <c r="T6" i="5"/>
  <c r="S6" i="5"/>
  <c r="AL8" i="4" s="1"/>
  <c r="R6" i="5"/>
  <c r="Q6" i="5"/>
  <c r="W10" i="4" s="1"/>
  <c r="P6" i="5"/>
  <c r="O6" i="5"/>
  <c r="N6" i="5"/>
  <c r="M6" i="5"/>
  <c r="AD8" i="4" s="1"/>
  <c r="L6" i="5"/>
  <c r="W8" i="4" s="1"/>
  <c r="K6" i="5"/>
  <c r="J6" i="5"/>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H86" i="4"/>
  <c r="AT10" i="4"/>
  <c r="AL10" i="4"/>
  <c r="AD10" i="4"/>
  <c r="P10" i="4"/>
  <c r="I10" i="4"/>
  <c r="B10" i="4"/>
  <c r="AT8" i="4"/>
  <c r="P8" i="4"/>
  <c r="I8" i="4"/>
</calcChain>
</file>

<file path=xl/sharedStrings.xml><?xml version="1.0" encoding="utf-8"?>
<sst xmlns="http://schemas.openxmlformats.org/spreadsheetml/2006/main" count="241" uniqueCount="119">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大井町</t>
  </si>
  <si>
    <t>法非適用</t>
  </si>
  <si>
    <t>下水道事業</t>
  </si>
  <si>
    <t>公共下水道</t>
  </si>
  <si>
    <t>Cc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xml:space="preserve">　本町の公共下水道事業は、昭和61年の供用開始後34年余り経過した状況で、管渠の耐用年数の50年には達していませんが、比較的短い期間に整備したことで将来更新投資時期も集中することが予測されます。
　ストックマネジメント計画を策定し、維持管理費の縮減と施設の延命化に取り組んでいきます。
</t>
    <rPh sb="1" eb="3">
      <t>ホンチョウ</t>
    </rPh>
    <rPh sb="4" eb="6">
      <t>コウキョウ</t>
    </rPh>
    <rPh sb="6" eb="9">
      <t>ゲスイドウ</t>
    </rPh>
    <rPh sb="9" eb="11">
      <t>ジギョウ</t>
    </rPh>
    <rPh sb="13" eb="15">
      <t>ショウワ</t>
    </rPh>
    <rPh sb="17" eb="18">
      <t>ネン</t>
    </rPh>
    <rPh sb="19" eb="21">
      <t>キョウヨウ</t>
    </rPh>
    <rPh sb="21" eb="23">
      <t>カイシ</t>
    </rPh>
    <rPh sb="23" eb="24">
      <t>ゴ</t>
    </rPh>
    <rPh sb="26" eb="27">
      <t>ネン</t>
    </rPh>
    <rPh sb="27" eb="28">
      <t>アマ</t>
    </rPh>
    <rPh sb="29" eb="31">
      <t>ケイカ</t>
    </rPh>
    <rPh sb="33" eb="35">
      <t>ジョウキョウ</t>
    </rPh>
    <rPh sb="37" eb="39">
      <t>カンキョ</t>
    </rPh>
    <rPh sb="40" eb="42">
      <t>タイヨウ</t>
    </rPh>
    <rPh sb="42" eb="44">
      <t>ネンスウ</t>
    </rPh>
    <rPh sb="47" eb="48">
      <t>ネン</t>
    </rPh>
    <rPh sb="50" eb="51">
      <t>タッ</t>
    </rPh>
    <rPh sb="59" eb="62">
      <t>ヒカクテキ</t>
    </rPh>
    <rPh sb="62" eb="63">
      <t>ミジカ</t>
    </rPh>
    <rPh sb="64" eb="66">
      <t>キカン</t>
    </rPh>
    <rPh sb="67" eb="69">
      <t>セイビ</t>
    </rPh>
    <rPh sb="74" eb="76">
      <t>ショウライ</t>
    </rPh>
    <rPh sb="76" eb="78">
      <t>コウシン</t>
    </rPh>
    <rPh sb="78" eb="80">
      <t>トウシ</t>
    </rPh>
    <rPh sb="80" eb="82">
      <t>ジキ</t>
    </rPh>
    <rPh sb="83" eb="85">
      <t>シュウチュウ</t>
    </rPh>
    <rPh sb="90" eb="92">
      <t>ヨソク</t>
    </rPh>
    <rPh sb="109" eb="111">
      <t>ケイカク</t>
    </rPh>
    <rPh sb="112" eb="114">
      <t>サクテイ</t>
    </rPh>
    <rPh sb="116" eb="118">
      <t>イジ</t>
    </rPh>
    <rPh sb="118" eb="121">
      <t>カンリヒ</t>
    </rPh>
    <rPh sb="122" eb="124">
      <t>シュクゲン</t>
    </rPh>
    <rPh sb="125" eb="127">
      <t>シセツ</t>
    </rPh>
    <rPh sb="128" eb="130">
      <t>エンメイ</t>
    </rPh>
    <rPh sb="130" eb="131">
      <t>カ</t>
    </rPh>
    <rPh sb="132" eb="133">
      <t>ト</t>
    </rPh>
    <rPh sb="134" eb="135">
      <t>ク</t>
    </rPh>
    <phoneticPr fontId="4"/>
  </si>
  <si>
    <t>　令和元年度決算は令和２年４月からの地方公営企業法適用に伴い、同年３月31日をもって打切決算としているため、過去の数値と比較して変動しています。
　①収益的収支比率は令和元年度実績においても、78.97％と低く、一般会計からの繰入金に依存している状況です。比率100％に向けた経営改善が必要です。
　④企業債残高対事業規模比率は、本町の公共下水道事業の整備は概ね完了しており、地方債の残高も年々減少していますが、打切決算の影響により使用料収入が減少したため、前年度より比率が増加しています。類似団体との比較では低い状態にあります。
　⑤経費回収率は、使用料で回収すべき経費を全て使用料で賄えている状況を示す100％を下回っています。使用料収入の確保と維持管理費の削減が課題です。
　⑥汚水処理原価は、過去２年から同数値となっており、類似団体との比較では低い状態にあります。汚水量の増加が望まれます。
　⑧水洗化率については、未接続世帯への各戸訪問によるアンケート調査など水洗化率の向上に務めていますが、今後も比率100％に向けた接続率の向上を図ります。</t>
    <rPh sb="1" eb="2">
      <t>レイ</t>
    </rPh>
    <rPh sb="2" eb="3">
      <t>ワ</t>
    </rPh>
    <rPh sb="3" eb="4">
      <t>ゲン</t>
    </rPh>
    <rPh sb="4" eb="6">
      <t>ネンド</t>
    </rPh>
    <rPh sb="6" eb="8">
      <t>ケッサン</t>
    </rPh>
    <rPh sb="9" eb="10">
      <t>レイ</t>
    </rPh>
    <rPh sb="10" eb="11">
      <t>ワ</t>
    </rPh>
    <rPh sb="60" eb="62">
      <t>ヒカク</t>
    </rPh>
    <rPh sb="64" eb="66">
      <t>ヘンドウ</t>
    </rPh>
    <rPh sb="75" eb="78">
      <t>シュウエキテキ</t>
    </rPh>
    <rPh sb="78" eb="80">
      <t>シュウシ</t>
    </rPh>
    <rPh sb="80" eb="82">
      <t>ヒリツ</t>
    </rPh>
    <rPh sb="83" eb="84">
      <t>レイ</t>
    </rPh>
    <rPh sb="84" eb="85">
      <t>ワ</t>
    </rPh>
    <rPh sb="85" eb="86">
      <t>ゲン</t>
    </rPh>
    <rPh sb="86" eb="88">
      <t>ネンド</t>
    </rPh>
    <rPh sb="88" eb="90">
      <t>ジッセキ</t>
    </rPh>
    <rPh sb="103" eb="104">
      <t>ヒク</t>
    </rPh>
    <rPh sb="106" eb="108">
      <t>イッパン</t>
    </rPh>
    <rPh sb="108" eb="110">
      <t>カイケイ</t>
    </rPh>
    <rPh sb="113" eb="115">
      <t>クリイレ</t>
    </rPh>
    <rPh sb="115" eb="116">
      <t>キン</t>
    </rPh>
    <rPh sb="117" eb="119">
      <t>イゾン</t>
    </rPh>
    <rPh sb="123" eb="125">
      <t>ジョウキョウ</t>
    </rPh>
    <rPh sb="138" eb="140">
      <t>ケイエイ</t>
    </rPh>
    <rPh sb="140" eb="142">
      <t>カイゼン</t>
    </rPh>
    <rPh sb="143" eb="145">
      <t>ヒツヨウ</t>
    </rPh>
    <rPh sb="150" eb="152">
      <t>キギョウ</t>
    </rPh>
    <rPh sb="152" eb="153">
      <t>サイ</t>
    </rPh>
    <rPh sb="153" eb="155">
      <t>ザンダカ</t>
    </rPh>
    <rPh sb="155" eb="156">
      <t>タイ</t>
    </rPh>
    <rPh sb="156" eb="158">
      <t>ジギョウ</t>
    </rPh>
    <rPh sb="158" eb="160">
      <t>キボ</t>
    </rPh>
    <rPh sb="160" eb="162">
      <t>ヒリツ</t>
    </rPh>
    <rPh sb="164" eb="166">
      <t>ホンチョウ</t>
    </rPh>
    <rPh sb="169" eb="172">
      <t>ゲスイドウ</t>
    </rPh>
    <rPh sb="173" eb="175">
      <t>ジギョウ</t>
    </rPh>
    <rPh sb="175" eb="177">
      <t>セイビ</t>
    </rPh>
    <rPh sb="178" eb="179">
      <t>オオム</t>
    </rPh>
    <rPh sb="180" eb="182">
      <t>カンリョウ</t>
    </rPh>
    <rPh sb="189" eb="190">
      <t>サイ</t>
    </rPh>
    <rPh sb="191" eb="193">
      <t>ザンダカ</t>
    </rPh>
    <rPh sb="196" eb="198">
      <t>ゲンショウ</t>
    </rPh>
    <rPh sb="205" eb="207">
      <t>ウチキ</t>
    </rPh>
    <rPh sb="207" eb="209">
      <t>ケッサン</t>
    </rPh>
    <rPh sb="210" eb="212">
      <t>エイキョウ</t>
    </rPh>
    <rPh sb="215" eb="218">
      <t>シヨウリョウ</t>
    </rPh>
    <rPh sb="218" eb="220">
      <t>シュウニュウ</t>
    </rPh>
    <rPh sb="221" eb="223">
      <t>ゲンショウ</t>
    </rPh>
    <rPh sb="228" eb="230">
      <t>ゼンネン</t>
    </rPh>
    <rPh sb="230" eb="231">
      <t>ド</t>
    </rPh>
    <rPh sb="233" eb="235">
      <t>ヒリツ</t>
    </rPh>
    <rPh sb="236" eb="238">
      <t>ゾウカ</t>
    </rPh>
    <rPh sb="244" eb="246">
      <t>ルイジ</t>
    </rPh>
    <rPh sb="246" eb="248">
      <t>ダンタイ</t>
    </rPh>
    <rPh sb="250" eb="252">
      <t>ヒカク</t>
    </rPh>
    <rPh sb="254" eb="255">
      <t>ヒク</t>
    </rPh>
    <rPh sb="256" eb="258">
      <t>ジョウタイ</t>
    </rPh>
    <rPh sb="267" eb="269">
      <t>ケイヒ</t>
    </rPh>
    <rPh sb="269" eb="271">
      <t>カイシュウ</t>
    </rPh>
    <rPh sb="271" eb="272">
      <t>リツ</t>
    </rPh>
    <rPh sb="274" eb="277">
      <t>シヨウリョウ</t>
    </rPh>
    <rPh sb="278" eb="280">
      <t>カイシュウ</t>
    </rPh>
    <rPh sb="283" eb="285">
      <t>ケイヒ</t>
    </rPh>
    <rPh sb="286" eb="287">
      <t>スベ</t>
    </rPh>
    <rPh sb="288" eb="291">
      <t>シヨウリョウ</t>
    </rPh>
    <rPh sb="292" eb="293">
      <t>マカナ</t>
    </rPh>
    <rPh sb="325" eb="327">
      <t>イジ</t>
    </rPh>
    <rPh sb="327" eb="330">
      <t>カンリヒ</t>
    </rPh>
    <rPh sb="341" eb="343">
      <t>オスイ</t>
    </rPh>
    <rPh sb="343" eb="345">
      <t>ショリ</t>
    </rPh>
    <rPh sb="345" eb="347">
      <t>ゲンカ</t>
    </rPh>
    <rPh sb="357" eb="359">
      <t>スウチ</t>
    </rPh>
    <rPh sb="367" eb="369">
      <t>ダンタイ</t>
    </rPh>
    <rPh sb="371" eb="373">
      <t>ヒカク</t>
    </rPh>
    <rPh sb="375" eb="376">
      <t>ヒク</t>
    </rPh>
    <rPh sb="377" eb="379">
      <t>ジョウタイ</t>
    </rPh>
    <rPh sb="387" eb="388">
      <t>リョウ</t>
    </rPh>
    <rPh sb="389" eb="391">
      <t>ゾウカ</t>
    </rPh>
    <rPh sb="393" eb="394">
      <t>ノゾ</t>
    </rPh>
    <rPh sb="412" eb="415">
      <t>ミセツゾク</t>
    </rPh>
    <rPh sb="415" eb="417">
      <t>セタイ</t>
    </rPh>
    <rPh sb="419" eb="420">
      <t>カク</t>
    </rPh>
    <rPh sb="420" eb="421">
      <t>コ</t>
    </rPh>
    <rPh sb="421" eb="423">
      <t>ホウモン</t>
    </rPh>
    <rPh sb="432" eb="433">
      <t>サ</t>
    </rPh>
    <rPh sb="443" eb="444">
      <t>ツト</t>
    </rPh>
    <rPh sb="451" eb="453">
      <t>コンゴ</t>
    </rPh>
    <rPh sb="454" eb="455">
      <t>ヒ</t>
    </rPh>
    <rPh sb="460" eb="461">
      <t>ム</t>
    </rPh>
    <rPh sb="463" eb="465">
      <t>セツゾク</t>
    </rPh>
    <rPh sb="465" eb="466">
      <t>リツ</t>
    </rPh>
    <rPh sb="467" eb="469">
      <t>コウジョウ</t>
    </rPh>
    <rPh sb="470" eb="471">
      <t>ハカ</t>
    </rPh>
    <phoneticPr fontId="4"/>
  </si>
  <si>
    <t>　本町は、令和２年度の公営企業会計適用により、保有資産や経営状況を把握し適切な事業運営に努めていきます。
　また、施設の老朽化等においても管渠の状況を把握し、計画的に整備を進め適切な管理を行っていきます。</t>
    <rPh sb="1" eb="3">
      <t>ホンチョウ</t>
    </rPh>
    <rPh sb="5" eb="6">
      <t>レイ</t>
    </rPh>
    <rPh sb="6" eb="7">
      <t>ワ</t>
    </rPh>
    <rPh sb="8" eb="10">
      <t>ネンド</t>
    </rPh>
    <rPh sb="36" eb="38">
      <t>テキセツ</t>
    </rPh>
    <rPh sb="39" eb="41">
      <t>ジギョウ</t>
    </rPh>
    <rPh sb="41" eb="43">
      <t>ウンエイ</t>
    </rPh>
    <rPh sb="57" eb="59">
      <t>シセツ</t>
    </rPh>
    <rPh sb="60" eb="63">
      <t>ロウキュウカ</t>
    </rPh>
    <rPh sb="63" eb="64">
      <t>トウ</t>
    </rPh>
    <rPh sb="69" eb="71">
      <t>カンキョ</t>
    </rPh>
    <rPh sb="72" eb="74">
      <t>ジョウキョウ</t>
    </rPh>
    <rPh sb="75" eb="77">
      <t>ハアク</t>
    </rPh>
    <rPh sb="79" eb="81">
      <t>ケイカク</t>
    </rPh>
    <rPh sb="81" eb="82">
      <t>テキ</t>
    </rPh>
    <rPh sb="83" eb="85">
      <t>セイビ</t>
    </rPh>
    <rPh sb="86" eb="87">
      <t>スス</t>
    </rPh>
    <rPh sb="88" eb="90">
      <t>テキセツ</t>
    </rPh>
    <rPh sb="91" eb="93">
      <t>カンリ</t>
    </rPh>
    <rPh sb="94" eb="95">
      <t>オコナ</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15" fillId="0" borderId="6"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0" xfId="0" applyFont="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703D-47F3-9EFF-A1681BCF47B9}"/>
            </c:ext>
          </c:extLst>
        </c:ser>
        <c:dLbls>
          <c:showLegendKey val="0"/>
          <c:showVal val="0"/>
          <c:showCatName val="0"/>
          <c:showSerName val="0"/>
          <c:showPercent val="0"/>
          <c:showBubbleSize val="0"/>
        </c:dLbls>
        <c:gapWidth val="150"/>
        <c:axId val="405856416"/>
        <c:axId val="405853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1</c:v>
                </c:pt>
                <c:pt idx="1">
                  <c:v>0.19</c:v>
                </c:pt>
                <c:pt idx="2">
                  <c:v>0.23</c:v>
                </c:pt>
                <c:pt idx="3">
                  <c:v>0.21</c:v>
                </c:pt>
                <c:pt idx="4">
                  <c:v>0.17</c:v>
                </c:pt>
              </c:numCache>
            </c:numRef>
          </c:val>
          <c:smooth val="0"/>
          <c:extLst xmlns:c16r2="http://schemas.microsoft.com/office/drawing/2015/06/chart">
            <c:ext xmlns:c16="http://schemas.microsoft.com/office/drawing/2014/chart" uri="{C3380CC4-5D6E-409C-BE32-E72D297353CC}">
              <c16:uniqueId val="{00000001-703D-47F3-9EFF-A1681BCF47B9}"/>
            </c:ext>
          </c:extLst>
        </c:ser>
        <c:dLbls>
          <c:showLegendKey val="0"/>
          <c:showVal val="0"/>
          <c:showCatName val="0"/>
          <c:showSerName val="0"/>
          <c:showPercent val="0"/>
          <c:showBubbleSize val="0"/>
        </c:dLbls>
        <c:marker val="1"/>
        <c:smooth val="0"/>
        <c:axId val="405856416"/>
        <c:axId val="405853280"/>
      </c:lineChart>
      <c:dateAx>
        <c:axId val="405856416"/>
        <c:scaling>
          <c:orientation val="minMax"/>
        </c:scaling>
        <c:delete val="1"/>
        <c:axPos val="b"/>
        <c:numFmt formatCode="&quot;H&quot;yy" sourceLinked="1"/>
        <c:majorTickMark val="none"/>
        <c:minorTickMark val="none"/>
        <c:tickLblPos val="none"/>
        <c:crossAx val="405853280"/>
        <c:crosses val="autoZero"/>
        <c:auto val="1"/>
        <c:lblOffset val="100"/>
        <c:baseTimeUnit val="years"/>
      </c:dateAx>
      <c:valAx>
        <c:axId val="405853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5856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1646-4AEC-A0F2-633DFD4F0FBD}"/>
            </c:ext>
          </c:extLst>
        </c:ser>
        <c:dLbls>
          <c:showLegendKey val="0"/>
          <c:showVal val="0"/>
          <c:showCatName val="0"/>
          <c:showSerName val="0"/>
          <c:showPercent val="0"/>
          <c:showBubbleSize val="0"/>
        </c:dLbls>
        <c:gapWidth val="150"/>
        <c:axId val="483627376"/>
        <c:axId val="483624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4.67</c:v>
                </c:pt>
                <c:pt idx="1">
                  <c:v>59.35</c:v>
                </c:pt>
                <c:pt idx="2">
                  <c:v>58.4</c:v>
                </c:pt>
                <c:pt idx="3">
                  <c:v>58</c:v>
                </c:pt>
                <c:pt idx="4">
                  <c:v>57.42</c:v>
                </c:pt>
              </c:numCache>
            </c:numRef>
          </c:val>
          <c:smooth val="0"/>
          <c:extLst xmlns:c16r2="http://schemas.microsoft.com/office/drawing/2015/06/chart">
            <c:ext xmlns:c16="http://schemas.microsoft.com/office/drawing/2014/chart" uri="{C3380CC4-5D6E-409C-BE32-E72D297353CC}">
              <c16:uniqueId val="{00000001-1646-4AEC-A0F2-633DFD4F0FBD}"/>
            </c:ext>
          </c:extLst>
        </c:ser>
        <c:dLbls>
          <c:showLegendKey val="0"/>
          <c:showVal val="0"/>
          <c:showCatName val="0"/>
          <c:showSerName val="0"/>
          <c:showPercent val="0"/>
          <c:showBubbleSize val="0"/>
        </c:dLbls>
        <c:marker val="1"/>
        <c:smooth val="0"/>
        <c:axId val="483627376"/>
        <c:axId val="483624632"/>
      </c:lineChart>
      <c:dateAx>
        <c:axId val="483627376"/>
        <c:scaling>
          <c:orientation val="minMax"/>
        </c:scaling>
        <c:delete val="1"/>
        <c:axPos val="b"/>
        <c:numFmt formatCode="&quot;H&quot;yy" sourceLinked="1"/>
        <c:majorTickMark val="none"/>
        <c:minorTickMark val="none"/>
        <c:tickLblPos val="none"/>
        <c:crossAx val="483624632"/>
        <c:crosses val="autoZero"/>
        <c:auto val="1"/>
        <c:lblOffset val="100"/>
        <c:baseTimeUnit val="years"/>
      </c:dateAx>
      <c:valAx>
        <c:axId val="4836246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3627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5.9</c:v>
                </c:pt>
                <c:pt idx="1">
                  <c:v>95.57</c:v>
                </c:pt>
                <c:pt idx="2">
                  <c:v>95.58</c:v>
                </c:pt>
                <c:pt idx="3">
                  <c:v>95.86</c:v>
                </c:pt>
                <c:pt idx="4">
                  <c:v>95.99</c:v>
                </c:pt>
              </c:numCache>
            </c:numRef>
          </c:val>
          <c:extLst xmlns:c16r2="http://schemas.microsoft.com/office/drawing/2015/06/chart">
            <c:ext xmlns:c16="http://schemas.microsoft.com/office/drawing/2014/chart" uri="{C3380CC4-5D6E-409C-BE32-E72D297353CC}">
              <c16:uniqueId val="{00000000-A545-4276-A64A-D0FF4477FF5B}"/>
            </c:ext>
          </c:extLst>
        </c:ser>
        <c:dLbls>
          <c:showLegendKey val="0"/>
          <c:showVal val="0"/>
          <c:showCatName val="0"/>
          <c:showSerName val="0"/>
          <c:showPercent val="0"/>
          <c:showBubbleSize val="0"/>
        </c:dLbls>
        <c:gapWidth val="150"/>
        <c:axId val="483628160"/>
        <c:axId val="483630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3.8</c:v>
                </c:pt>
                <c:pt idx="1">
                  <c:v>89.88</c:v>
                </c:pt>
                <c:pt idx="2">
                  <c:v>89.68</c:v>
                </c:pt>
                <c:pt idx="3">
                  <c:v>89.79</c:v>
                </c:pt>
                <c:pt idx="4">
                  <c:v>90.42</c:v>
                </c:pt>
              </c:numCache>
            </c:numRef>
          </c:val>
          <c:smooth val="0"/>
          <c:extLst xmlns:c16r2="http://schemas.microsoft.com/office/drawing/2015/06/chart">
            <c:ext xmlns:c16="http://schemas.microsoft.com/office/drawing/2014/chart" uri="{C3380CC4-5D6E-409C-BE32-E72D297353CC}">
              <c16:uniqueId val="{00000001-A545-4276-A64A-D0FF4477FF5B}"/>
            </c:ext>
          </c:extLst>
        </c:ser>
        <c:dLbls>
          <c:showLegendKey val="0"/>
          <c:showVal val="0"/>
          <c:showCatName val="0"/>
          <c:showSerName val="0"/>
          <c:showPercent val="0"/>
          <c:showBubbleSize val="0"/>
        </c:dLbls>
        <c:marker val="1"/>
        <c:smooth val="0"/>
        <c:axId val="483628160"/>
        <c:axId val="483630120"/>
      </c:lineChart>
      <c:dateAx>
        <c:axId val="483628160"/>
        <c:scaling>
          <c:orientation val="minMax"/>
        </c:scaling>
        <c:delete val="1"/>
        <c:axPos val="b"/>
        <c:numFmt formatCode="&quot;H&quot;yy" sourceLinked="1"/>
        <c:majorTickMark val="none"/>
        <c:minorTickMark val="none"/>
        <c:tickLblPos val="none"/>
        <c:crossAx val="483630120"/>
        <c:crosses val="autoZero"/>
        <c:auto val="1"/>
        <c:lblOffset val="100"/>
        <c:baseTimeUnit val="years"/>
      </c:dateAx>
      <c:valAx>
        <c:axId val="483630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36281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75.349999999999994</c:v>
                </c:pt>
                <c:pt idx="1">
                  <c:v>78.459999999999994</c:v>
                </c:pt>
                <c:pt idx="2">
                  <c:v>86.97</c:v>
                </c:pt>
                <c:pt idx="3">
                  <c:v>85.47</c:v>
                </c:pt>
                <c:pt idx="4">
                  <c:v>78.97</c:v>
                </c:pt>
              </c:numCache>
            </c:numRef>
          </c:val>
          <c:extLst xmlns:c16r2="http://schemas.microsoft.com/office/drawing/2015/06/chart">
            <c:ext xmlns:c16="http://schemas.microsoft.com/office/drawing/2014/chart" uri="{C3380CC4-5D6E-409C-BE32-E72D297353CC}">
              <c16:uniqueId val="{00000000-9A70-4BFC-A2E9-8C88906D8A0F}"/>
            </c:ext>
          </c:extLst>
        </c:ser>
        <c:dLbls>
          <c:showLegendKey val="0"/>
          <c:showVal val="0"/>
          <c:showCatName val="0"/>
          <c:showSerName val="0"/>
          <c:showPercent val="0"/>
          <c:showBubbleSize val="0"/>
        </c:dLbls>
        <c:gapWidth val="150"/>
        <c:axId val="405848968"/>
        <c:axId val="405854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A70-4BFC-A2E9-8C88906D8A0F}"/>
            </c:ext>
          </c:extLst>
        </c:ser>
        <c:dLbls>
          <c:showLegendKey val="0"/>
          <c:showVal val="0"/>
          <c:showCatName val="0"/>
          <c:showSerName val="0"/>
          <c:showPercent val="0"/>
          <c:showBubbleSize val="0"/>
        </c:dLbls>
        <c:marker val="1"/>
        <c:smooth val="0"/>
        <c:axId val="405848968"/>
        <c:axId val="405854064"/>
      </c:lineChart>
      <c:dateAx>
        <c:axId val="405848968"/>
        <c:scaling>
          <c:orientation val="minMax"/>
        </c:scaling>
        <c:delete val="1"/>
        <c:axPos val="b"/>
        <c:numFmt formatCode="&quot;H&quot;yy" sourceLinked="1"/>
        <c:majorTickMark val="none"/>
        <c:minorTickMark val="none"/>
        <c:tickLblPos val="none"/>
        <c:crossAx val="405854064"/>
        <c:crosses val="autoZero"/>
        <c:auto val="1"/>
        <c:lblOffset val="100"/>
        <c:baseTimeUnit val="years"/>
      </c:dateAx>
      <c:valAx>
        <c:axId val="4058540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5848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B94-4DF9-AAEF-9D7FD3FF085D}"/>
            </c:ext>
          </c:extLst>
        </c:ser>
        <c:dLbls>
          <c:showLegendKey val="0"/>
          <c:showVal val="0"/>
          <c:showCatName val="0"/>
          <c:showSerName val="0"/>
          <c:showPercent val="0"/>
          <c:showBubbleSize val="0"/>
        </c:dLbls>
        <c:gapWidth val="150"/>
        <c:axId val="405849360"/>
        <c:axId val="4058501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B94-4DF9-AAEF-9D7FD3FF085D}"/>
            </c:ext>
          </c:extLst>
        </c:ser>
        <c:dLbls>
          <c:showLegendKey val="0"/>
          <c:showVal val="0"/>
          <c:showCatName val="0"/>
          <c:showSerName val="0"/>
          <c:showPercent val="0"/>
          <c:showBubbleSize val="0"/>
        </c:dLbls>
        <c:marker val="1"/>
        <c:smooth val="0"/>
        <c:axId val="405849360"/>
        <c:axId val="405850144"/>
      </c:lineChart>
      <c:dateAx>
        <c:axId val="405849360"/>
        <c:scaling>
          <c:orientation val="minMax"/>
        </c:scaling>
        <c:delete val="1"/>
        <c:axPos val="b"/>
        <c:numFmt formatCode="&quot;H&quot;yy" sourceLinked="1"/>
        <c:majorTickMark val="none"/>
        <c:minorTickMark val="none"/>
        <c:tickLblPos val="none"/>
        <c:crossAx val="405850144"/>
        <c:crosses val="autoZero"/>
        <c:auto val="1"/>
        <c:lblOffset val="100"/>
        <c:baseTimeUnit val="years"/>
      </c:dateAx>
      <c:valAx>
        <c:axId val="4058501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5849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537-4802-A68E-1A2C4CF2DBBA}"/>
            </c:ext>
          </c:extLst>
        </c:ser>
        <c:dLbls>
          <c:showLegendKey val="0"/>
          <c:showVal val="0"/>
          <c:showCatName val="0"/>
          <c:showSerName val="0"/>
          <c:showPercent val="0"/>
          <c:showBubbleSize val="0"/>
        </c:dLbls>
        <c:gapWidth val="150"/>
        <c:axId val="405852104"/>
        <c:axId val="4082097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537-4802-A68E-1A2C4CF2DBBA}"/>
            </c:ext>
          </c:extLst>
        </c:ser>
        <c:dLbls>
          <c:showLegendKey val="0"/>
          <c:showVal val="0"/>
          <c:showCatName val="0"/>
          <c:showSerName val="0"/>
          <c:showPercent val="0"/>
          <c:showBubbleSize val="0"/>
        </c:dLbls>
        <c:marker val="1"/>
        <c:smooth val="0"/>
        <c:axId val="405852104"/>
        <c:axId val="408209760"/>
      </c:lineChart>
      <c:dateAx>
        <c:axId val="405852104"/>
        <c:scaling>
          <c:orientation val="minMax"/>
        </c:scaling>
        <c:delete val="1"/>
        <c:axPos val="b"/>
        <c:numFmt formatCode="&quot;H&quot;yy" sourceLinked="1"/>
        <c:majorTickMark val="none"/>
        <c:minorTickMark val="none"/>
        <c:tickLblPos val="none"/>
        <c:crossAx val="408209760"/>
        <c:crosses val="autoZero"/>
        <c:auto val="1"/>
        <c:lblOffset val="100"/>
        <c:baseTimeUnit val="years"/>
      </c:dateAx>
      <c:valAx>
        <c:axId val="4082097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5852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F8E-4365-9FA9-390EECB93725}"/>
            </c:ext>
          </c:extLst>
        </c:ser>
        <c:dLbls>
          <c:showLegendKey val="0"/>
          <c:showVal val="0"/>
          <c:showCatName val="0"/>
          <c:showSerName val="0"/>
          <c:showPercent val="0"/>
          <c:showBubbleSize val="0"/>
        </c:dLbls>
        <c:gapWidth val="150"/>
        <c:axId val="408208192"/>
        <c:axId val="4082046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F8E-4365-9FA9-390EECB93725}"/>
            </c:ext>
          </c:extLst>
        </c:ser>
        <c:dLbls>
          <c:showLegendKey val="0"/>
          <c:showVal val="0"/>
          <c:showCatName val="0"/>
          <c:showSerName val="0"/>
          <c:showPercent val="0"/>
          <c:showBubbleSize val="0"/>
        </c:dLbls>
        <c:marker val="1"/>
        <c:smooth val="0"/>
        <c:axId val="408208192"/>
        <c:axId val="408204664"/>
      </c:lineChart>
      <c:dateAx>
        <c:axId val="408208192"/>
        <c:scaling>
          <c:orientation val="minMax"/>
        </c:scaling>
        <c:delete val="1"/>
        <c:axPos val="b"/>
        <c:numFmt formatCode="&quot;H&quot;yy" sourceLinked="1"/>
        <c:majorTickMark val="none"/>
        <c:minorTickMark val="none"/>
        <c:tickLblPos val="none"/>
        <c:crossAx val="408204664"/>
        <c:crosses val="autoZero"/>
        <c:auto val="1"/>
        <c:lblOffset val="100"/>
        <c:baseTimeUnit val="years"/>
      </c:dateAx>
      <c:valAx>
        <c:axId val="408204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8208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D831-4D9E-838E-DB94C0C0EA50}"/>
            </c:ext>
          </c:extLst>
        </c:ser>
        <c:dLbls>
          <c:showLegendKey val="0"/>
          <c:showVal val="0"/>
          <c:showCatName val="0"/>
          <c:showSerName val="0"/>
          <c:showPercent val="0"/>
          <c:showBubbleSize val="0"/>
        </c:dLbls>
        <c:gapWidth val="150"/>
        <c:axId val="408210152"/>
        <c:axId val="4082074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D831-4D9E-838E-DB94C0C0EA50}"/>
            </c:ext>
          </c:extLst>
        </c:ser>
        <c:dLbls>
          <c:showLegendKey val="0"/>
          <c:showVal val="0"/>
          <c:showCatName val="0"/>
          <c:showSerName val="0"/>
          <c:showPercent val="0"/>
          <c:showBubbleSize val="0"/>
        </c:dLbls>
        <c:marker val="1"/>
        <c:smooth val="0"/>
        <c:axId val="408210152"/>
        <c:axId val="408207408"/>
      </c:lineChart>
      <c:dateAx>
        <c:axId val="408210152"/>
        <c:scaling>
          <c:orientation val="minMax"/>
        </c:scaling>
        <c:delete val="1"/>
        <c:axPos val="b"/>
        <c:numFmt formatCode="&quot;H&quot;yy" sourceLinked="1"/>
        <c:majorTickMark val="none"/>
        <c:minorTickMark val="none"/>
        <c:tickLblPos val="none"/>
        <c:crossAx val="408207408"/>
        <c:crosses val="autoZero"/>
        <c:auto val="1"/>
        <c:lblOffset val="100"/>
        <c:baseTimeUnit val="years"/>
      </c:dateAx>
      <c:valAx>
        <c:axId val="408207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8210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567.87</c:v>
                </c:pt>
                <c:pt idx="1">
                  <c:v>488.38</c:v>
                </c:pt>
                <c:pt idx="2">
                  <c:v>338.39</c:v>
                </c:pt>
                <c:pt idx="3">
                  <c:v>364.88</c:v>
                </c:pt>
                <c:pt idx="4">
                  <c:v>419.65</c:v>
                </c:pt>
              </c:numCache>
            </c:numRef>
          </c:val>
          <c:extLst xmlns:c16r2="http://schemas.microsoft.com/office/drawing/2015/06/chart">
            <c:ext xmlns:c16="http://schemas.microsoft.com/office/drawing/2014/chart" uri="{C3380CC4-5D6E-409C-BE32-E72D297353CC}">
              <c16:uniqueId val="{00000000-AC33-46E5-88F0-3A6E4CD647F1}"/>
            </c:ext>
          </c:extLst>
        </c:ser>
        <c:dLbls>
          <c:showLegendKey val="0"/>
          <c:showVal val="0"/>
          <c:showCatName val="0"/>
          <c:showSerName val="0"/>
          <c:showPercent val="0"/>
          <c:showBubbleSize val="0"/>
        </c:dLbls>
        <c:gapWidth val="150"/>
        <c:axId val="408203488"/>
        <c:axId val="4082093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18.56</c:v>
                </c:pt>
                <c:pt idx="1">
                  <c:v>716.96</c:v>
                </c:pt>
                <c:pt idx="2">
                  <c:v>799.11</c:v>
                </c:pt>
                <c:pt idx="3">
                  <c:v>768.62</c:v>
                </c:pt>
                <c:pt idx="4">
                  <c:v>789.44</c:v>
                </c:pt>
              </c:numCache>
            </c:numRef>
          </c:val>
          <c:smooth val="0"/>
          <c:extLst xmlns:c16r2="http://schemas.microsoft.com/office/drawing/2015/06/chart">
            <c:ext xmlns:c16="http://schemas.microsoft.com/office/drawing/2014/chart" uri="{C3380CC4-5D6E-409C-BE32-E72D297353CC}">
              <c16:uniqueId val="{00000001-AC33-46E5-88F0-3A6E4CD647F1}"/>
            </c:ext>
          </c:extLst>
        </c:ser>
        <c:dLbls>
          <c:showLegendKey val="0"/>
          <c:showVal val="0"/>
          <c:showCatName val="0"/>
          <c:showSerName val="0"/>
          <c:showPercent val="0"/>
          <c:showBubbleSize val="0"/>
        </c:dLbls>
        <c:marker val="1"/>
        <c:smooth val="0"/>
        <c:axId val="408203488"/>
        <c:axId val="408209368"/>
      </c:lineChart>
      <c:dateAx>
        <c:axId val="408203488"/>
        <c:scaling>
          <c:orientation val="minMax"/>
        </c:scaling>
        <c:delete val="1"/>
        <c:axPos val="b"/>
        <c:numFmt formatCode="&quot;H&quot;yy" sourceLinked="1"/>
        <c:majorTickMark val="none"/>
        <c:minorTickMark val="none"/>
        <c:tickLblPos val="none"/>
        <c:crossAx val="408209368"/>
        <c:crosses val="autoZero"/>
        <c:auto val="1"/>
        <c:lblOffset val="100"/>
        <c:baseTimeUnit val="years"/>
      </c:dateAx>
      <c:valAx>
        <c:axId val="4082093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8203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61.28</c:v>
                </c:pt>
                <c:pt idx="1">
                  <c:v>66.040000000000006</c:v>
                </c:pt>
                <c:pt idx="2">
                  <c:v>76.63</c:v>
                </c:pt>
                <c:pt idx="3">
                  <c:v>76.599999999999994</c:v>
                </c:pt>
                <c:pt idx="4">
                  <c:v>68.72</c:v>
                </c:pt>
              </c:numCache>
            </c:numRef>
          </c:val>
          <c:extLst xmlns:c16r2="http://schemas.microsoft.com/office/drawing/2015/06/chart">
            <c:ext xmlns:c16="http://schemas.microsoft.com/office/drawing/2014/chart" uri="{C3380CC4-5D6E-409C-BE32-E72D297353CC}">
              <c16:uniqueId val="{00000000-84DE-4EBC-A100-935E92416562}"/>
            </c:ext>
          </c:extLst>
        </c:ser>
        <c:dLbls>
          <c:showLegendKey val="0"/>
          <c:showVal val="0"/>
          <c:showCatName val="0"/>
          <c:showSerName val="0"/>
          <c:showPercent val="0"/>
          <c:showBubbleSize val="0"/>
        </c:dLbls>
        <c:gapWidth val="150"/>
        <c:axId val="408210936"/>
        <c:axId val="408204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2.33</c:v>
                </c:pt>
                <c:pt idx="1">
                  <c:v>88.09</c:v>
                </c:pt>
                <c:pt idx="2">
                  <c:v>87.69</c:v>
                </c:pt>
                <c:pt idx="3">
                  <c:v>88.06</c:v>
                </c:pt>
                <c:pt idx="4">
                  <c:v>87.29</c:v>
                </c:pt>
              </c:numCache>
            </c:numRef>
          </c:val>
          <c:smooth val="0"/>
          <c:extLst xmlns:c16r2="http://schemas.microsoft.com/office/drawing/2015/06/chart">
            <c:ext xmlns:c16="http://schemas.microsoft.com/office/drawing/2014/chart" uri="{C3380CC4-5D6E-409C-BE32-E72D297353CC}">
              <c16:uniqueId val="{00000001-84DE-4EBC-A100-935E92416562}"/>
            </c:ext>
          </c:extLst>
        </c:ser>
        <c:dLbls>
          <c:showLegendKey val="0"/>
          <c:showVal val="0"/>
          <c:showCatName val="0"/>
          <c:showSerName val="0"/>
          <c:showPercent val="0"/>
          <c:showBubbleSize val="0"/>
        </c:dLbls>
        <c:marker val="1"/>
        <c:smooth val="0"/>
        <c:axId val="408210936"/>
        <c:axId val="408204272"/>
      </c:lineChart>
      <c:dateAx>
        <c:axId val="408210936"/>
        <c:scaling>
          <c:orientation val="minMax"/>
        </c:scaling>
        <c:delete val="1"/>
        <c:axPos val="b"/>
        <c:numFmt formatCode="&quot;H&quot;yy" sourceLinked="1"/>
        <c:majorTickMark val="none"/>
        <c:minorTickMark val="none"/>
        <c:tickLblPos val="none"/>
        <c:crossAx val="408204272"/>
        <c:crosses val="autoZero"/>
        <c:auto val="1"/>
        <c:lblOffset val="100"/>
        <c:baseTimeUnit val="years"/>
      </c:dateAx>
      <c:valAx>
        <c:axId val="408204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8210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87.44</c:v>
                </c:pt>
                <c:pt idx="1">
                  <c:v>174.15</c:v>
                </c:pt>
                <c:pt idx="2">
                  <c:v>150</c:v>
                </c:pt>
                <c:pt idx="3">
                  <c:v>150</c:v>
                </c:pt>
                <c:pt idx="4">
                  <c:v>150</c:v>
                </c:pt>
              </c:numCache>
            </c:numRef>
          </c:val>
          <c:extLst xmlns:c16r2="http://schemas.microsoft.com/office/drawing/2015/06/chart">
            <c:ext xmlns:c16="http://schemas.microsoft.com/office/drawing/2014/chart" uri="{C3380CC4-5D6E-409C-BE32-E72D297353CC}">
              <c16:uniqueId val="{00000000-3CB6-452A-946F-7C8018F2309F}"/>
            </c:ext>
          </c:extLst>
        </c:ser>
        <c:dLbls>
          <c:showLegendKey val="0"/>
          <c:showVal val="0"/>
          <c:showCatName val="0"/>
          <c:showSerName val="0"/>
          <c:showPercent val="0"/>
          <c:showBubbleSize val="0"/>
        </c:dLbls>
        <c:gapWidth val="150"/>
        <c:axId val="408206624"/>
        <c:axId val="483628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15.28</c:v>
                </c:pt>
                <c:pt idx="1">
                  <c:v>181.8</c:v>
                </c:pt>
                <c:pt idx="2">
                  <c:v>180.07</c:v>
                </c:pt>
                <c:pt idx="3">
                  <c:v>179.32</c:v>
                </c:pt>
                <c:pt idx="4">
                  <c:v>176.67</c:v>
                </c:pt>
              </c:numCache>
            </c:numRef>
          </c:val>
          <c:smooth val="0"/>
          <c:extLst xmlns:c16r2="http://schemas.microsoft.com/office/drawing/2015/06/chart">
            <c:ext xmlns:c16="http://schemas.microsoft.com/office/drawing/2014/chart" uri="{C3380CC4-5D6E-409C-BE32-E72D297353CC}">
              <c16:uniqueId val="{00000001-3CB6-452A-946F-7C8018F2309F}"/>
            </c:ext>
          </c:extLst>
        </c:ser>
        <c:dLbls>
          <c:showLegendKey val="0"/>
          <c:showVal val="0"/>
          <c:showCatName val="0"/>
          <c:showSerName val="0"/>
          <c:showPercent val="0"/>
          <c:showBubbleSize val="0"/>
        </c:dLbls>
        <c:marker val="1"/>
        <c:smooth val="0"/>
        <c:axId val="408206624"/>
        <c:axId val="483628552"/>
      </c:lineChart>
      <c:dateAx>
        <c:axId val="408206624"/>
        <c:scaling>
          <c:orientation val="minMax"/>
        </c:scaling>
        <c:delete val="1"/>
        <c:axPos val="b"/>
        <c:numFmt formatCode="&quot;H&quot;yy" sourceLinked="1"/>
        <c:majorTickMark val="none"/>
        <c:minorTickMark val="none"/>
        <c:tickLblPos val="none"/>
        <c:crossAx val="483628552"/>
        <c:crosses val="autoZero"/>
        <c:auto val="1"/>
        <c:lblOffset val="100"/>
        <c:baseTimeUnit val="years"/>
      </c:dateAx>
      <c:valAx>
        <c:axId val="483628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82066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大井町</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非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Cc1</v>
      </c>
      <c r="X8" s="49"/>
      <c r="Y8" s="49"/>
      <c r="Z8" s="49"/>
      <c r="AA8" s="49"/>
      <c r="AB8" s="49"/>
      <c r="AC8" s="49"/>
      <c r="AD8" s="50" t="str">
        <f>データ!$M$6</f>
        <v>非設置</v>
      </c>
      <c r="AE8" s="50"/>
      <c r="AF8" s="50"/>
      <c r="AG8" s="50"/>
      <c r="AH8" s="50"/>
      <c r="AI8" s="50"/>
      <c r="AJ8" s="50"/>
      <c r="AK8" s="3"/>
      <c r="AL8" s="51">
        <f>データ!S6</f>
        <v>17326</v>
      </c>
      <c r="AM8" s="51"/>
      <c r="AN8" s="51"/>
      <c r="AO8" s="51"/>
      <c r="AP8" s="51"/>
      <c r="AQ8" s="51"/>
      <c r="AR8" s="51"/>
      <c r="AS8" s="51"/>
      <c r="AT8" s="46">
        <f>データ!T6</f>
        <v>14.38</v>
      </c>
      <c r="AU8" s="46"/>
      <c r="AV8" s="46"/>
      <c r="AW8" s="46"/>
      <c r="AX8" s="46"/>
      <c r="AY8" s="46"/>
      <c r="AZ8" s="46"/>
      <c r="BA8" s="46"/>
      <c r="BB8" s="46">
        <f>データ!U6</f>
        <v>1204.8699999999999</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t="str">
        <f>データ!O6</f>
        <v>該当数値なし</v>
      </c>
      <c r="J10" s="46"/>
      <c r="K10" s="46"/>
      <c r="L10" s="46"/>
      <c r="M10" s="46"/>
      <c r="N10" s="46"/>
      <c r="O10" s="46"/>
      <c r="P10" s="46">
        <f>データ!P6</f>
        <v>90.56</v>
      </c>
      <c r="Q10" s="46"/>
      <c r="R10" s="46"/>
      <c r="S10" s="46"/>
      <c r="T10" s="46"/>
      <c r="U10" s="46"/>
      <c r="V10" s="46"/>
      <c r="W10" s="46">
        <f>データ!Q6</f>
        <v>73.849999999999994</v>
      </c>
      <c r="X10" s="46"/>
      <c r="Y10" s="46"/>
      <c r="Z10" s="46"/>
      <c r="AA10" s="46"/>
      <c r="AB10" s="46"/>
      <c r="AC10" s="46"/>
      <c r="AD10" s="51">
        <f>データ!R6</f>
        <v>1792</v>
      </c>
      <c r="AE10" s="51"/>
      <c r="AF10" s="51"/>
      <c r="AG10" s="51"/>
      <c r="AH10" s="51"/>
      <c r="AI10" s="51"/>
      <c r="AJ10" s="51"/>
      <c r="AK10" s="2"/>
      <c r="AL10" s="51">
        <f>データ!V6</f>
        <v>15651</v>
      </c>
      <c r="AM10" s="51"/>
      <c r="AN10" s="51"/>
      <c r="AO10" s="51"/>
      <c r="AP10" s="51"/>
      <c r="AQ10" s="51"/>
      <c r="AR10" s="51"/>
      <c r="AS10" s="51"/>
      <c r="AT10" s="46">
        <f>データ!W6</f>
        <v>4.24</v>
      </c>
      <c r="AU10" s="46"/>
      <c r="AV10" s="46"/>
      <c r="AW10" s="46"/>
      <c r="AX10" s="46"/>
      <c r="AY10" s="46"/>
      <c r="AZ10" s="46"/>
      <c r="BA10" s="46"/>
      <c r="BB10" s="46">
        <f>データ!X6</f>
        <v>3691.27</v>
      </c>
      <c r="BC10" s="46"/>
      <c r="BD10" s="46"/>
      <c r="BE10" s="46"/>
      <c r="BF10" s="46"/>
      <c r="BG10" s="46"/>
      <c r="BH10" s="46"/>
      <c r="BI10" s="46"/>
      <c r="BJ10" s="2"/>
      <c r="BK10" s="2"/>
      <c r="BL10" s="64" t="s">
        <v>22</v>
      </c>
      <c r="BM10" s="65"/>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6" t="s">
        <v>24</v>
      </c>
      <c r="BM11" s="66"/>
      <c r="BN11" s="66"/>
      <c r="BO11" s="66"/>
      <c r="BP11" s="66"/>
      <c r="BQ11" s="66"/>
      <c r="BR11" s="66"/>
      <c r="BS11" s="66"/>
      <c r="BT11" s="66"/>
      <c r="BU11" s="66"/>
      <c r="BV11" s="66"/>
      <c r="BW11" s="66"/>
      <c r="BX11" s="66"/>
      <c r="BY11" s="66"/>
      <c r="BZ11" s="6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6"/>
      <c r="BM12" s="66"/>
      <c r="BN12" s="66"/>
      <c r="BO12" s="66"/>
      <c r="BP12" s="66"/>
      <c r="BQ12" s="66"/>
      <c r="BR12" s="66"/>
      <c r="BS12" s="66"/>
      <c r="BT12" s="66"/>
      <c r="BU12" s="66"/>
      <c r="BV12" s="66"/>
      <c r="BW12" s="66"/>
      <c r="BX12" s="66"/>
      <c r="BY12" s="66"/>
      <c r="BZ12" s="6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7"/>
      <c r="BM13" s="67"/>
      <c r="BN13" s="67"/>
      <c r="BO13" s="67"/>
      <c r="BP13" s="67"/>
      <c r="BQ13" s="67"/>
      <c r="BR13" s="67"/>
      <c r="BS13" s="67"/>
      <c r="BT13" s="67"/>
      <c r="BU13" s="67"/>
      <c r="BV13" s="67"/>
      <c r="BW13" s="67"/>
      <c r="BX13" s="67"/>
      <c r="BY13" s="67"/>
      <c r="BZ13" s="67"/>
    </row>
    <row r="14" spans="1:78" ht="13.5" customHeight="1" x14ac:dyDescent="0.2">
      <c r="A14" s="2"/>
      <c r="B14" s="68" t="s">
        <v>25</v>
      </c>
      <c r="C14" s="69"/>
      <c r="D14" s="69"/>
      <c r="E14" s="69"/>
      <c r="F14" s="69"/>
      <c r="G14" s="69"/>
      <c r="H14" s="69"/>
      <c r="I14" s="69"/>
      <c r="J14" s="69"/>
      <c r="K14" s="69"/>
      <c r="L14" s="69"/>
      <c r="M14" s="69"/>
      <c r="N14" s="69"/>
      <c r="O14" s="69"/>
      <c r="P14" s="69"/>
      <c r="Q14" s="69"/>
      <c r="R14" s="69"/>
      <c r="S14" s="69"/>
      <c r="T14" s="69"/>
      <c r="U14" s="69"/>
      <c r="V14" s="69"/>
      <c r="W14" s="69"/>
      <c r="X14" s="69"/>
      <c r="Y14" s="69"/>
      <c r="Z14" s="69"/>
      <c r="AA14" s="69"/>
      <c r="AB14" s="69"/>
      <c r="AC14" s="69"/>
      <c r="AD14" s="69"/>
      <c r="AE14" s="69"/>
      <c r="AF14" s="69"/>
      <c r="AG14" s="69"/>
      <c r="AH14" s="69"/>
      <c r="AI14" s="69"/>
      <c r="AJ14" s="69"/>
      <c r="AK14" s="69"/>
      <c r="AL14" s="69"/>
      <c r="AM14" s="69"/>
      <c r="AN14" s="69"/>
      <c r="AO14" s="69"/>
      <c r="AP14" s="69"/>
      <c r="AQ14" s="69"/>
      <c r="AR14" s="69"/>
      <c r="AS14" s="69"/>
      <c r="AT14" s="69"/>
      <c r="AU14" s="69"/>
      <c r="AV14" s="69"/>
      <c r="AW14" s="69"/>
      <c r="AX14" s="69"/>
      <c r="AY14" s="69"/>
      <c r="AZ14" s="69"/>
      <c r="BA14" s="69"/>
      <c r="BB14" s="69"/>
      <c r="BC14" s="69"/>
      <c r="BD14" s="69"/>
      <c r="BE14" s="69"/>
      <c r="BF14" s="69"/>
      <c r="BG14" s="69"/>
      <c r="BH14" s="69"/>
      <c r="BI14" s="69"/>
      <c r="BJ14" s="70"/>
      <c r="BK14" s="2"/>
      <c r="BL14" s="58" t="s">
        <v>26</v>
      </c>
      <c r="BM14" s="59"/>
      <c r="BN14" s="59"/>
      <c r="BO14" s="59"/>
      <c r="BP14" s="59"/>
      <c r="BQ14" s="59"/>
      <c r="BR14" s="59"/>
      <c r="BS14" s="59"/>
      <c r="BT14" s="59"/>
      <c r="BU14" s="59"/>
      <c r="BV14" s="59"/>
      <c r="BW14" s="59"/>
      <c r="BX14" s="59"/>
      <c r="BY14" s="59"/>
      <c r="BZ14" s="60"/>
    </row>
    <row r="15" spans="1:78" ht="13.5" customHeight="1" x14ac:dyDescent="0.2">
      <c r="A15" s="2"/>
      <c r="B15" s="55"/>
      <c r="C15" s="56"/>
      <c r="D15" s="56"/>
      <c r="E15" s="56"/>
      <c r="F15" s="56"/>
      <c r="G15" s="56"/>
      <c r="H15" s="56"/>
      <c r="I15" s="56"/>
      <c r="J15" s="56"/>
      <c r="K15" s="56"/>
      <c r="L15" s="56"/>
      <c r="M15" s="56"/>
      <c r="N15" s="56"/>
      <c r="O15" s="56"/>
      <c r="P15" s="56"/>
      <c r="Q15" s="56"/>
      <c r="R15" s="56"/>
      <c r="S15" s="56"/>
      <c r="T15" s="56"/>
      <c r="U15" s="56"/>
      <c r="V15" s="56"/>
      <c r="W15" s="56"/>
      <c r="X15" s="56"/>
      <c r="Y15" s="56"/>
      <c r="Z15" s="56"/>
      <c r="AA15" s="56"/>
      <c r="AB15" s="56"/>
      <c r="AC15" s="56"/>
      <c r="AD15" s="56"/>
      <c r="AE15" s="56"/>
      <c r="AF15" s="56"/>
      <c r="AG15" s="56"/>
      <c r="AH15" s="56"/>
      <c r="AI15" s="56"/>
      <c r="AJ15" s="56"/>
      <c r="AK15" s="56"/>
      <c r="AL15" s="56"/>
      <c r="AM15" s="56"/>
      <c r="AN15" s="56"/>
      <c r="AO15" s="56"/>
      <c r="AP15" s="56"/>
      <c r="AQ15" s="56"/>
      <c r="AR15" s="56"/>
      <c r="AS15" s="56"/>
      <c r="AT15" s="56"/>
      <c r="AU15" s="56"/>
      <c r="AV15" s="56"/>
      <c r="AW15" s="56"/>
      <c r="AX15" s="56"/>
      <c r="AY15" s="56"/>
      <c r="AZ15" s="56"/>
      <c r="BA15" s="56"/>
      <c r="BB15" s="56"/>
      <c r="BC15" s="56"/>
      <c r="BD15" s="56"/>
      <c r="BE15" s="56"/>
      <c r="BF15" s="56"/>
      <c r="BG15" s="56"/>
      <c r="BH15" s="56"/>
      <c r="BI15" s="56"/>
      <c r="BJ15" s="57"/>
      <c r="BK15" s="2"/>
      <c r="BL15" s="61"/>
      <c r="BM15" s="62"/>
      <c r="BN15" s="62"/>
      <c r="BO15" s="62"/>
      <c r="BP15" s="62"/>
      <c r="BQ15" s="62"/>
      <c r="BR15" s="62"/>
      <c r="BS15" s="62"/>
      <c r="BT15" s="62"/>
      <c r="BU15" s="62"/>
      <c r="BV15" s="62"/>
      <c r="BW15" s="62"/>
      <c r="BX15" s="62"/>
      <c r="BY15" s="62"/>
      <c r="BZ15" s="63"/>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4" t="s">
        <v>117</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4"/>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4"/>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4"/>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4"/>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4"/>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4"/>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4"/>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4"/>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4"/>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4"/>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4"/>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4"/>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4"/>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4"/>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4"/>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4"/>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4"/>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4"/>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4"/>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4"/>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4"/>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4"/>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4"/>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4"/>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4"/>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4"/>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4"/>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4" t="s">
        <v>116</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4"/>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4"/>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4"/>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4"/>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4"/>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4"/>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4"/>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4"/>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4"/>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4"/>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4"/>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4"/>
      <c r="BM59" s="79"/>
      <c r="BN59" s="79"/>
      <c r="BO59" s="79"/>
      <c r="BP59" s="79"/>
      <c r="BQ59" s="79"/>
      <c r="BR59" s="79"/>
      <c r="BS59" s="79"/>
      <c r="BT59" s="79"/>
      <c r="BU59" s="79"/>
      <c r="BV59" s="79"/>
      <c r="BW59" s="79"/>
      <c r="BX59" s="79"/>
      <c r="BY59" s="79"/>
      <c r="BZ59" s="80"/>
    </row>
    <row r="60" spans="1:78" ht="13.5" customHeight="1" x14ac:dyDescent="0.2">
      <c r="A60" s="2"/>
      <c r="B60" s="55" t="s">
        <v>28</v>
      </c>
      <c r="C60" s="56"/>
      <c r="D60" s="56"/>
      <c r="E60" s="56"/>
      <c r="F60" s="56"/>
      <c r="G60" s="56"/>
      <c r="H60" s="56"/>
      <c r="I60" s="56"/>
      <c r="J60" s="56"/>
      <c r="K60" s="56"/>
      <c r="L60" s="56"/>
      <c r="M60" s="56"/>
      <c r="N60" s="56"/>
      <c r="O60" s="56"/>
      <c r="P60" s="56"/>
      <c r="Q60" s="56"/>
      <c r="R60" s="56"/>
      <c r="S60" s="56"/>
      <c r="T60" s="56"/>
      <c r="U60" s="56"/>
      <c r="V60" s="56"/>
      <c r="W60" s="56"/>
      <c r="X60" s="56"/>
      <c r="Y60" s="56"/>
      <c r="Z60" s="56"/>
      <c r="AA60" s="56"/>
      <c r="AB60" s="56"/>
      <c r="AC60" s="56"/>
      <c r="AD60" s="56"/>
      <c r="AE60" s="56"/>
      <c r="AF60" s="56"/>
      <c r="AG60" s="56"/>
      <c r="AH60" s="56"/>
      <c r="AI60" s="56"/>
      <c r="AJ60" s="56"/>
      <c r="AK60" s="56"/>
      <c r="AL60" s="56"/>
      <c r="AM60" s="56"/>
      <c r="AN60" s="56"/>
      <c r="AO60" s="56"/>
      <c r="AP60" s="56"/>
      <c r="AQ60" s="56"/>
      <c r="AR60" s="56"/>
      <c r="AS60" s="56"/>
      <c r="AT60" s="56"/>
      <c r="AU60" s="56"/>
      <c r="AV60" s="56"/>
      <c r="AW60" s="56"/>
      <c r="AX60" s="56"/>
      <c r="AY60" s="56"/>
      <c r="AZ60" s="56"/>
      <c r="BA60" s="56"/>
      <c r="BB60" s="56"/>
      <c r="BC60" s="56"/>
      <c r="BD60" s="56"/>
      <c r="BE60" s="56"/>
      <c r="BF60" s="56"/>
      <c r="BG60" s="56"/>
      <c r="BH60" s="56"/>
      <c r="BI60" s="56"/>
      <c r="BJ60" s="57"/>
      <c r="BK60" s="2"/>
      <c r="BL60" s="54"/>
      <c r="BM60" s="79"/>
      <c r="BN60" s="79"/>
      <c r="BO60" s="79"/>
      <c r="BP60" s="79"/>
      <c r="BQ60" s="79"/>
      <c r="BR60" s="79"/>
      <c r="BS60" s="79"/>
      <c r="BT60" s="79"/>
      <c r="BU60" s="79"/>
      <c r="BV60" s="79"/>
      <c r="BW60" s="79"/>
      <c r="BX60" s="79"/>
      <c r="BY60" s="79"/>
      <c r="BZ60" s="80"/>
    </row>
    <row r="61" spans="1:78" ht="13.5" customHeight="1" x14ac:dyDescent="0.2">
      <c r="A61" s="2"/>
      <c r="B61" s="55"/>
      <c r="C61" s="56"/>
      <c r="D61" s="56"/>
      <c r="E61" s="56"/>
      <c r="F61" s="56"/>
      <c r="G61" s="56"/>
      <c r="H61" s="56"/>
      <c r="I61" s="56"/>
      <c r="J61" s="56"/>
      <c r="K61" s="56"/>
      <c r="L61" s="56"/>
      <c r="M61" s="56"/>
      <c r="N61" s="56"/>
      <c r="O61" s="56"/>
      <c r="P61" s="56"/>
      <c r="Q61" s="56"/>
      <c r="R61" s="56"/>
      <c r="S61" s="56"/>
      <c r="T61" s="56"/>
      <c r="U61" s="56"/>
      <c r="V61" s="56"/>
      <c r="W61" s="56"/>
      <c r="X61" s="56"/>
      <c r="Y61" s="56"/>
      <c r="Z61" s="56"/>
      <c r="AA61" s="56"/>
      <c r="AB61" s="56"/>
      <c r="AC61" s="56"/>
      <c r="AD61" s="56"/>
      <c r="AE61" s="56"/>
      <c r="AF61" s="56"/>
      <c r="AG61" s="56"/>
      <c r="AH61" s="56"/>
      <c r="AI61" s="56"/>
      <c r="AJ61" s="56"/>
      <c r="AK61" s="56"/>
      <c r="AL61" s="56"/>
      <c r="AM61" s="56"/>
      <c r="AN61" s="56"/>
      <c r="AO61" s="56"/>
      <c r="AP61" s="56"/>
      <c r="AQ61" s="56"/>
      <c r="AR61" s="56"/>
      <c r="AS61" s="56"/>
      <c r="AT61" s="56"/>
      <c r="AU61" s="56"/>
      <c r="AV61" s="56"/>
      <c r="AW61" s="56"/>
      <c r="AX61" s="56"/>
      <c r="AY61" s="56"/>
      <c r="AZ61" s="56"/>
      <c r="BA61" s="56"/>
      <c r="BB61" s="56"/>
      <c r="BC61" s="56"/>
      <c r="BD61" s="56"/>
      <c r="BE61" s="56"/>
      <c r="BF61" s="56"/>
      <c r="BG61" s="56"/>
      <c r="BH61" s="56"/>
      <c r="BI61" s="56"/>
      <c r="BJ61" s="57"/>
      <c r="BK61" s="2"/>
      <c r="BL61" s="54"/>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4"/>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4" t="s">
        <v>118</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4"/>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4"/>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4"/>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4"/>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4"/>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4"/>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4"/>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4"/>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4"/>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4"/>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4"/>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4"/>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4"/>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4"/>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4"/>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51】</v>
      </c>
      <c r="I86" s="26" t="str">
        <f>データ!CA6</f>
        <v>【100.34】</v>
      </c>
      <c r="J86" s="26" t="str">
        <f>データ!CL6</f>
        <v>【136.15】</v>
      </c>
      <c r="K86" s="26" t="str">
        <f>データ!CW6</f>
        <v>【59.64】</v>
      </c>
      <c r="L86" s="26" t="str">
        <f>データ!DH6</f>
        <v>【95.35】</v>
      </c>
      <c r="M86" s="26" t="s">
        <v>44</v>
      </c>
      <c r="N86" s="26" t="s">
        <v>44</v>
      </c>
      <c r="O86" s="26" t="str">
        <f>データ!EO6</f>
        <v>【0.22】</v>
      </c>
    </row>
  </sheetData>
  <sheetProtection algorithmName="SHA-512" hashValue="WrFOfuTrhvCWA539QaOyIt5C+K0f0EHsrR/aqBhQO959P1u1BGjR5iRaH49FfL5EdHR5KYfyehKVyn2TbjU2cw==" saltValue="EXyyAWAkuYTqjF4vHLOqQQ=="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72" t="s">
        <v>54</v>
      </c>
      <c r="I3" s="73"/>
      <c r="J3" s="73"/>
      <c r="K3" s="73"/>
      <c r="L3" s="73"/>
      <c r="M3" s="73"/>
      <c r="N3" s="73"/>
      <c r="O3" s="73"/>
      <c r="P3" s="73"/>
      <c r="Q3" s="73"/>
      <c r="R3" s="73"/>
      <c r="S3" s="73"/>
      <c r="T3" s="73"/>
      <c r="U3" s="73"/>
      <c r="V3" s="73"/>
      <c r="W3" s="73"/>
      <c r="X3" s="74"/>
      <c r="Y3" s="78" t="s">
        <v>55</v>
      </c>
      <c r="Z3" s="71"/>
      <c r="AA3" s="71"/>
      <c r="AB3" s="71"/>
      <c r="AC3" s="71"/>
      <c r="AD3" s="71"/>
      <c r="AE3" s="71"/>
      <c r="AF3" s="71"/>
      <c r="AG3" s="71"/>
      <c r="AH3" s="71"/>
      <c r="AI3" s="71"/>
      <c r="AJ3" s="71"/>
      <c r="AK3" s="71"/>
      <c r="AL3" s="71"/>
      <c r="AM3" s="71"/>
      <c r="AN3" s="71"/>
      <c r="AO3" s="71"/>
      <c r="AP3" s="71"/>
      <c r="AQ3" s="71"/>
      <c r="AR3" s="71"/>
      <c r="AS3" s="71"/>
      <c r="AT3" s="71"/>
      <c r="AU3" s="71"/>
      <c r="AV3" s="71"/>
      <c r="AW3" s="71"/>
      <c r="AX3" s="71"/>
      <c r="AY3" s="71"/>
      <c r="AZ3" s="71"/>
      <c r="BA3" s="71"/>
      <c r="BB3" s="71"/>
      <c r="BC3" s="71"/>
      <c r="BD3" s="71"/>
      <c r="BE3" s="71"/>
      <c r="BF3" s="71"/>
      <c r="BG3" s="71"/>
      <c r="BH3" s="71"/>
      <c r="BI3" s="71"/>
      <c r="BJ3" s="71"/>
      <c r="BK3" s="71"/>
      <c r="BL3" s="71"/>
      <c r="BM3" s="71"/>
      <c r="BN3" s="71"/>
      <c r="BO3" s="71"/>
      <c r="BP3" s="71"/>
      <c r="BQ3" s="71"/>
      <c r="BR3" s="71"/>
      <c r="BS3" s="71"/>
      <c r="BT3" s="71"/>
      <c r="BU3" s="71"/>
      <c r="BV3" s="71"/>
      <c r="BW3" s="71"/>
      <c r="BX3" s="71"/>
      <c r="BY3" s="71"/>
      <c r="BZ3" s="71"/>
      <c r="CA3" s="71"/>
      <c r="CB3" s="71"/>
      <c r="CC3" s="71"/>
      <c r="CD3" s="71"/>
      <c r="CE3" s="71"/>
      <c r="CF3" s="71"/>
      <c r="CG3" s="71"/>
      <c r="CH3" s="71"/>
      <c r="CI3" s="71"/>
      <c r="CJ3" s="71"/>
      <c r="CK3" s="71"/>
      <c r="CL3" s="71"/>
      <c r="CM3" s="71"/>
      <c r="CN3" s="71"/>
      <c r="CO3" s="71"/>
      <c r="CP3" s="71"/>
      <c r="CQ3" s="71"/>
      <c r="CR3" s="71"/>
      <c r="CS3" s="71"/>
      <c r="CT3" s="71"/>
      <c r="CU3" s="71"/>
      <c r="CV3" s="71"/>
      <c r="CW3" s="71"/>
      <c r="CX3" s="71"/>
      <c r="CY3" s="71"/>
      <c r="CZ3" s="71"/>
      <c r="DA3" s="71"/>
      <c r="DB3" s="71"/>
      <c r="DC3" s="71"/>
      <c r="DD3" s="71"/>
      <c r="DE3" s="71"/>
      <c r="DF3" s="71"/>
      <c r="DG3" s="71"/>
      <c r="DH3" s="71"/>
      <c r="DI3" s="71" t="s">
        <v>56</v>
      </c>
      <c r="DJ3" s="71"/>
      <c r="DK3" s="71"/>
      <c r="DL3" s="71"/>
      <c r="DM3" s="71"/>
      <c r="DN3" s="71"/>
      <c r="DO3" s="71"/>
      <c r="DP3" s="71"/>
      <c r="DQ3" s="71"/>
      <c r="DR3" s="71"/>
      <c r="DS3" s="71"/>
      <c r="DT3" s="71"/>
      <c r="DU3" s="71"/>
      <c r="DV3" s="71"/>
      <c r="DW3" s="71"/>
      <c r="DX3" s="71"/>
      <c r="DY3" s="71"/>
      <c r="DZ3" s="71"/>
      <c r="EA3" s="71"/>
      <c r="EB3" s="71"/>
      <c r="EC3" s="71"/>
      <c r="ED3" s="71"/>
      <c r="EE3" s="71"/>
      <c r="EF3" s="71"/>
      <c r="EG3" s="71"/>
      <c r="EH3" s="71"/>
      <c r="EI3" s="71"/>
      <c r="EJ3" s="71"/>
      <c r="EK3" s="71"/>
      <c r="EL3" s="71"/>
      <c r="EM3" s="71"/>
      <c r="EN3" s="71"/>
      <c r="EO3" s="71"/>
    </row>
    <row r="4" spans="1:145" x14ac:dyDescent="0.2">
      <c r="A4" s="28" t="s">
        <v>57</v>
      </c>
      <c r="B4" s="30"/>
      <c r="C4" s="30"/>
      <c r="D4" s="30"/>
      <c r="E4" s="30"/>
      <c r="F4" s="30"/>
      <c r="G4" s="30"/>
      <c r="H4" s="75"/>
      <c r="I4" s="76"/>
      <c r="J4" s="76"/>
      <c r="K4" s="76"/>
      <c r="L4" s="76"/>
      <c r="M4" s="76"/>
      <c r="N4" s="76"/>
      <c r="O4" s="76"/>
      <c r="P4" s="76"/>
      <c r="Q4" s="76"/>
      <c r="R4" s="76"/>
      <c r="S4" s="76"/>
      <c r="T4" s="76"/>
      <c r="U4" s="76"/>
      <c r="V4" s="76"/>
      <c r="W4" s="76"/>
      <c r="X4" s="77"/>
      <c r="Y4" s="71" t="s">
        <v>58</v>
      </c>
      <c r="Z4" s="71"/>
      <c r="AA4" s="71"/>
      <c r="AB4" s="71"/>
      <c r="AC4" s="71"/>
      <c r="AD4" s="71"/>
      <c r="AE4" s="71"/>
      <c r="AF4" s="71"/>
      <c r="AG4" s="71"/>
      <c r="AH4" s="71"/>
      <c r="AI4" s="71"/>
      <c r="AJ4" s="71" t="s">
        <v>59</v>
      </c>
      <c r="AK4" s="71"/>
      <c r="AL4" s="71"/>
      <c r="AM4" s="71"/>
      <c r="AN4" s="71"/>
      <c r="AO4" s="71"/>
      <c r="AP4" s="71"/>
      <c r="AQ4" s="71"/>
      <c r="AR4" s="71"/>
      <c r="AS4" s="71"/>
      <c r="AT4" s="71"/>
      <c r="AU4" s="71" t="s">
        <v>60</v>
      </c>
      <c r="AV4" s="71"/>
      <c r="AW4" s="71"/>
      <c r="AX4" s="71"/>
      <c r="AY4" s="71"/>
      <c r="AZ4" s="71"/>
      <c r="BA4" s="71"/>
      <c r="BB4" s="71"/>
      <c r="BC4" s="71"/>
      <c r="BD4" s="71"/>
      <c r="BE4" s="71"/>
      <c r="BF4" s="71" t="s">
        <v>61</v>
      </c>
      <c r="BG4" s="71"/>
      <c r="BH4" s="71"/>
      <c r="BI4" s="71"/>
      <c r="BJ4" s="71"/>
      <c r="BK4" s="71"/>
      <c r="BL4" s="71"/>
      <c r="BM4" s="71"/>
      <c r="BN4" s="71"/>
      <c r="BO4" s="71"/>
      <c r="BP4" s="71"/>
      <c r="BQ4" s="71" t="s">
        <v>62</v>
      </c>
      <c r="BR4" s="71"/>
      <c r="BS4" s="71"/>
      <c r="BT4" s="71"/>
      <c r="BU4" s="71"/>
      <c r="BV4" s="71"/>
      <c r="BW4" s="71"/>
      <c r="BX4" s="71"/>
      <c r="BY4" s="71"/>
      <c r="BZ4" s="71"/>
      <c r="CA4" s="71"/>
      <c r="CB4" s="71" t="s">
        <v>63</v>
      </c>
      <c r="CC4" s="71"/>
      <c r="CD4" s="71"/>
      <c r="CE4" s="71"/>
      <c r="CF4" s="71"/>
      <c r="CG4" s="71"/>
      <c r="CH4" s="71"/>
      <c r="CI4" s="71"/>
      <c r="CJ4" s="71"/>
      <c r="CK4" s="71"/>
      <c r="CL4" s="71"/>
      <c r="CM4" s="71" t="s">
        <v>64</v>
      </c>
      <c r="CN4" s="71"/>
      <c r="CO4" s="71"/>
      <c r="CP4" s="71"/>
      <c r="CQ4" s="71"/>
      <c r="CR4" s="71"/>
      <c r="CS4" s="71"/>
      <c r="CT4" s="71"/>
      <c r="CU4" s="71"/>
      <c r="CV4" s="71"/>
      <c r="CW4" s="71"/>
      <c r="CX4" s="71" t="s">
        <v>65</v>
      </c>
      <c r="CY4" s="71"/>
      <c r="CZ4" s="71"/>
      <c r="DA4" s="71"/>
      <c r="DB4" s="71"/>
      <c r="DC4" s="71"/>
      <c r="DD4" s="71"/>
      <c r="DE4" s="71"/>
      <c r="DF4" s="71"/>
      <c r="DG4" s="71"/>
      <c r="DH4" s="71"/>
      <c r="DI4" s="71" t="s">
        <v>66</v>
      </c>
      <c r="DJ4" s="71"/>
      <c r="DK4" s="71"/>
      <c r="DL4" s="71"/>
      <c r="DM4" s="71"/>
      <c r="DN4" s="71"/>
      <c r="DO4" s="71"/>
      <c r="DP4" s="71"/>
      <c r="DQ4" s="71"/>
      <c r="DR4" s="71"/>
      <c r="DS4" s="71"/>
      <c r="DT4" s="71" t="s">
        <v>67</v>
      </c>
      <c r="DU4" s="71"/>
      <c r="DV4" s="71"/>
      <c r="DW4" s="71"/>
      <c r="DX4" s="71"/>
      <c r="DY4" s="71"/>
      <c r="DZ4" s="71"/>
      <c r="EA4" s="71"/>
      <c r="EB4" s="71"/>
      <c r="EC4" s="71"/>
      <c r="ED4" s="71"/>
      <c r="EE4" s="71" t="s">
        <v>68</v>
      </c>
      <c r="EF4" s="71"/>
      <c r="EG4" s="71"/>
      <c r="EH4" s="71"/>
      <c r="EI4" s="71"/>
      <c r="EJ4" s="71"/>
      <c r="EK4" s="71"/>
      <c r="EL4" s="71"/>
      <c r="EM4" s="71"/>
      <c r="EN4" s="71"/>
      <c r="EO4" s="71"/>
    </row>
    <row r="5" spans="1:145" x14ac:dyDescent="0.2">
      <c r="A5" s="28" t="s">
        <v>69</v>
      </c>
      <c r="B5" s="31"/>
      <c r="C5" s="31"/>
      <c r="D5" s="31"/>
      <c r="E5" s="31"/>
      <c r="F5" s="31"/>
      <c r="G5" s="31"/>
      <c r="H5" s="32" t="s">
        <v>70</v>
      </c>
      <c r="I5" s="32" t="s">
        <v>71</v>
      </c>
      <c r="J5" s="32" t="s">
        <v>72</v>
      </c>
      <c r="K5" s="32" t="s">
        <v>73</v>
      </c>
      <c r="L5" s="32" t="s">
        <v>74</v>
      </c>
      <c r="M5" s="32" t="s">
        <v>5</v>
      </c>
      <c r="N5" s="32" t="s">
        <v>75</v>
      </c>
      <c r="O5" s="32" t="s">
        <v>76</v>
      </c>
      <c r="P5" s="32" t="s">
        <v>77</v>
      </c>
      <c r="Q5" s="32" t="s">
        <v>78</v>
      </c>
      <c r="R5" s="32" t="s">
        <v>79</v>
      </c>
      <c r="S5" s="32" t="s">
        <v>80</v>
      </c>
      <c r="T5" s="32" t="s">
        <v>81</v>
      </c>
      <c r="U5" s="32" t="s">
        <v>82</v>
      </c>
      <c r="V5" s="32" t="s">
        <v>83</v>
      </c>
      <c r="W5" s="32" t="s">
        <v>84</v>
      </c>
      <c r="X5" s="32" t="s">
        <v>85</v>
      </c>
      <c r="Y5" s="32" t="s">
        <v>86</v>
      </c>
      <c r="Z5" s="32" t="s">
        <v>87</v>
      </c>
      <c r="AA5" s="32" t="s">
        <v>88</v>
      </c>
      <c r="AB5" s="32" t="s">
        <v>89</v>
      </c>
      <c r="AC5" s="32" t="s">
        <v>90</v>
      </c>
      <c r="AD5" s="32" t="s">
        <v>91</v>
      </c>
      <c r="AE5" s="32" t="s">
        <v>92</v>
      </c>
      <c r="AF5" s="32" t="s">
        <v>93</v>
      </c>
      <c r="AG5" s="32" t="s">
        <v>94</v>
      </c>
      <c r="AH5" s="32" t="s">
        <v>95</v>
      </c>
      <c r="AI5" s="32" t="s">
        <v>31</v>
      </c>
      <c r="AJ5" s="32" t="s">
        <v>86</v>
      </c>
      <c r="AK5" s="32" t="s">
        <v>87</v>
      </c>
      <c r="AL5" s="32" t="s">
        <v>88</v>
      </c>
      <c r="AM5" s="32" t="s">
        <v>89</v>
      </c>
      <c r="AN5" s="32" t="s">
        <v>90</v>
      </c>
      <c r="AO5" s="32" t="s">
        <v>91</v>
      </c>
      <c r="AP5" s="32" t="s">
        <v>92</v>
      </c>
      <c r="AQ5" s="32" t="s">
        <v>93</v>
      </c>
      <c r="AR5" s="32" t="s">
        <v>94</v>
      </c>
      <c r="AS5" s="32" t="s">
        <v>95</v>
      </c>
      <c r="AT5" s="32" t="s">
        <v>96</v>
      </c>
      <c r="AU5" s="32" t="s">
        <v>86</v>
      </c>
      <c r="AV5" s="32" t="s">
        <v>87</v>
      </c>
      <c r="AW5" s="32" t="s">
        <v>88</v>
      </c>
      <c r="AX5" s="32" t="s">
        <v>89</v>
      </c>
      <c r="AY5" s="32" t="s">
        <v>90</v>
      </c>
      <c r="AZ5" s="32" t="s">
        <v>91</v>
      </c>
      <c r="BA5" s="32" t="s">
        <v>92</v>
      </c>
      <c r="BB5" s="32" t="s">
        <v>93</v>
      </c>
      <c r="BC5" s="32" t="s">
        <v>94</v>
      </c>
      <c r="BD5" s="32" t="s">
        <v>95</v>
      </c>
      <c r="BE5" s="32" t="s">
        <v>96</v>
      </c>
      <c r="BF5" s="32" t="s">
        <v>86</v>
      </c>
      <c r="BG5" s="32" t="s">
        <v>87</v>
      </c>
      <c r="BH5" s="32" t="s">
        <v>88</v>
      </c>
      <c r="BI5" s="32" t="s">
        <v>89</v>
      </c>
      <c r="BJ5" s="32" t="s">
        <v>90</v>
      </c>
      <c r="BK5" s="32" t="s">
        <v>91</v>
      </c>
      <c r="BL5" s="32" t="s">
        <v>92</v>
      </c>
      <c r="BM5" s="32" t="s">
        <v>93</v>
      </c>
      <c r="BN5" s="32" t="s">
        <v>94</v>
      </c>
      <c r="BO5" s="32" t="s">
        <v>95</v>
      </c>
      <c r="BP5" s="32" t="s">
        <v>96</v>
      </c>
      <c r="BQ5" s="32" t="s">
        <v>86</v>
      </c>
      <c r="BR5" s="32" t="s">
        <v>87</v>
      </c>
      <c r="BS5" s="32" t="s">
        <v>88</v>
      </c>
      <c r="BT5" s="32" t="s">
        <v>89</v>
      </c>
      <c r="BU5" s="32" t="s">
        <v>90</v>
      </c>
      <c r="BV5" s="32" t="s">
        <v>91</v>
      </c>
      <c r="BW5" s="32" t="s">
        <v>92</v>
      </c>
      <c r="BX5" s="32" t="s">
        <v>93</v>
      </c>
      <c r="BY5" s="32" t="s">
        <v>94</v>
      </c>
      <c r="BZ5" s="32" t="s">
        <v>95</v>
      </c>
      <c r="CA5" s="32" t="s">
        <v>96</v>
      </c>
      <c r="CB5" s="32" t="s">
        <v>86</v>
      </c>
      <c r="CC5" s="32" t="s">
        <v>87</v>
      </c>
      <c r="CD5" s="32" t="s">
        <v>88</v>
      </c>
      <c r="CE5" s="32" t="s">
        <v>89</v>
      </c>
      <c r="CF5" s="32" t="s">
        <v>90</v>
      </c>
      <c r="CG5" s="32" t="s">
        <v>91</v>
      </c>
      <c r="CH5" s="32" t="s">
        <v>92</v>
      </c>
      <c r="CI5" s="32" t="s">
        <v>93</v>
      </c>
      <c r="CJ5" s="32" t="s">
        <v>94</v>
      </c>
      <c r="CK5" s="32" t="s">
        <v>95</v>
      </c>
      <c r="CL5" s="32" t="s">
        <v>96</v>
      </c>
      <c r="CM5" s="32" t="s">
        <v>86</v>
      </c>
      <c r="CN5" s="32" t="s">
        <v>87</v>
      </c>
      <c r="CO5" s="32" t="s">
        <v>88</v>
      </c>
      <c r="CP5" s="32" t="s">
        <v>89</v>
      </c>
      <c r="CQ5" s="32" t="s">
        <v>90</v>
      </c>
      <c r="CR5" s="32" t="s">
        <v>91</v>
      </c>
      <c r="CS5" s="32" t="s">
        <v>92</v>
      </c>
      <c r="CT5" s="32" t="s">
        <v>93</v>
      </c>
      <c r="CU5" s="32" t="s">
        <v>94</v>
      </c>
      <c r="CV5" s="32" t="s">
        <v>95</v>
      </c>
      <c r="CW5" s="32" t="s">
        <v>96</v>
      </c>
      <c r="CX5" s="32" t="s">
        <v>86</v>
      </c>
      <c r="CY5" s="32" t="s">
        <v>87</v>
      </c>
      <c r="CZ5" s="32" t="s">
        <v>88</v>
      </c>
      <c r="DA5" s="32" t="s">
        <v>89</v>
      </c>
      <c r="DB5" s="32" t="s">
        <v>90</v>
      </c>
      <c r="DC5" s="32" t="s">
        <v>91</v>
      </c>
      <c r="DD5" s="32" t="s">
        <v>92</v>
      </c>
      <c r="DE5" s="32" t="s">
        <v>93</v>
      </c>
      <c r="DF5" s="32" t="s">
        <v>94</v>
      </c>
      <c r="DG5" s="32" t="s">
        <v>95</v>
      </c>
      <c r="DH5" s="32" t="s">
        <v>96</v>
      </c>
      <c r="DI5" s="32" t="s">
        <v>86</v>
      </c>
      <c r="DJ5" s="32" t="s">
        <v>87</v>
      </c>
      <c r="DK5" s="32" t="s">
        <v>88</v>
      </c>
      <c r="DL5" s="32" t="s">
        <v>89</v>
      </c>
      <c r="DM5" s="32" t="s">
        <v>90</v>
      </c>
      <c r="DN5" s="32" t="s">
        <v>91</v>
      </c>
      <c r="DO5" s="32" t="s">
        <v>92</v>
      </c>
      <c r="DP5" s="32" t="s">
        <v>93</v>
      </c>
      <c r="DQ5" s="32" t="s">
        <v>94</v>
      </c>
      <c r="DR5" s="32" t="s">
        <v>95</v>
      </c>
      <c r="DS5" s="32" t="s">
        <v>96</v>
      </c>
      <c r="DT5" s="32" t="s">
        <v>86</v>
      </c>
      <c r="DU5" s="32" t="s">
        <v>87</v>
      </c>
      <c r="DV5" s="32" t="s">
        <v>88</v>
      </c>
      <c r="DW5" s="32" t="s">
        <v>89</v>
      </c>
      <c r="DX5" s="32" t="s">
        <v>90</v>
      </c>
      <c r="DY5" s="32" t="s">
        <v>91</v>
      </c>
      <c r="DZ5" s="32" t="s">
        <v>92</v>
      </c>
      <c r="EA5" s="32" t="s">
        <v>93</v>
      </c>
      <c r="EB5" s="32" t="s">
        <v>94</v>
      </c>
      <c r="EC5" s="32" t="s">
        <v>95</v>
      </c>
      <c r="ED5" s="32" t="s">
        <v>96</v>
      </c>
      <c r="EE5" s="32" t="s">
        <v>86</v>
      </c>
      <c r="EF5" s="32" t="s">
        <v>87</v>
      </c>
      <c r="EG5" s="32" t="s">
        <v>88</v>
      </c>
      <c r="EH5" s="32" t="s">
        <v>89</v>
      </c>
      <c r="EI5" s="32" t="s">
        <v>90</v>
      </c>
      <c r="EJ5" s="32" t="s">
        <v>91</v>
      </c>
      <c r="EK5" s="32" t="s">
        <v>92</v>
      </c>
      <c r="EL5" s="32" t="s">
        <v>93</v>
      </c>
      <c r="EM5" s="32" t="s">
        <v>94</v>
      </c>
      <c r="EN5" s="32" t="s">
        <v>95</v>
      </c>
      <c r="EO5" s="32" t="s">
        <v>96</v>
      </c>
    </row>
    <row r="6" spans="1:145" s="36" customFormat="1" x14ac:dyDescent="0.2">
      <c r="A6" s="28" t="s">
        <v>97</v>
      </c>
      <c r="B6" s="33">
        <f>B7</f>
        <v>2019</v>
      </c>
      <c r="C6" s="33">
        <f t="shared" ref="C6:X6" si="3">C7</f>
        <v>143626</v>
      </c>
      <c r="D6" s="33">
        <f t="shared" si="3"/>
        <v>47</v>
      </c>
      <c r="E6" s="33">
        <f t="shared" si="3"/>
        <v>17</v>
      </c>
      <c r="F6" s="33">
        <f t="shared" si="3"/>
        <v>1</v>
      </c>
      <c r="G6" s="33">
        <f t="shared" si="3"/>
        <v>0</v>
      </c>
      <c r="H6" s="33" t="str">
        <f t="shared" si="3"/>
        <v>神奈川県　大井町</v>
      </c>
      <c r="I6" s="33" t="str">
        <f t="shared" si="3"/>
        <v>法非適用</v>
      </c>
      <c r="J6" s="33" t="str">
        <f t="shared" si="3"/>
        <v>下水道事業</v>
      </c>
      <c r="K6" s="33" t="str">
        <f t="shared" si="3"/>
        <v>公共下水道</v>
      </c>
      <c r="L6" s="33" t="str">
        <f t="shared" si="3"/>
        <v>Cc1</v>
      </c>
      <c r="M6" s="33" t="str">
        <f t="shared" si="3"/>
        <v>非設置</v>
      </c>
      <c r="N6" s="34" t="str">
        <f t="shared" si="3"/>
        <v>-</v>
      </c>
      <c r="O6" s="34" t="str">
        <f t="shared" si="3"/>
        <v>該当数値なし</v>
      </c>
      <c r="P6" s="34">
        <f t="shared" si="3"/>
        <v>90.56</v>
      </c>
      <c r="Q6" s="34">
        <f t="shared" si="3"/>
        <v>73.849999999999994</v>
      </c>
      <c r="R6" s="34">
        <f t="shared" si="3"/>
        <v>1792</v>
      </c>
      <c r="S6" s="34">
        <f t="shared" si="3"/>
        <v>17326</v>
      </c>
      <c r="T6" s="34">
        <f t="shared" si="3"/>
        <v>14.38</v>
      </c>
      <c r="U6" s="34">
        <f t="shared" si="3"/>
        <v>1204.8699999999999</v>
      </c>
      <c r="V6" s="34">
        <f t="shared" si="3"/>
        <v>15651</v>
      </c>
      <c r="W6" s="34">
        <f t="shared" si="3"/>
        <v>4.24</v>
      </c>
      <c r="X6" s="34">
        <f t="shared" si="3"/>
        <v>3691.27</v>
      </c>
      <c r="Y6" s="35">
        <f>IF(Y7="",NA(),Y7)</f>
        <v>75.349999999999994</v>
      </c>
      <c r="Z6" s="35">
        <f t="shared" ref="Z6:AH6" si="4">IF(Z7="",NA(),Z7)</f>
        <v>78.459999999999994</v>
      </c>
      <c r="AA6" s="35">
        <f t="shared" si="4"/>
        <v>86.97</v>
      </c>
      <c r="AB6" s="35">
        <f t="shared" si="4"/>
        <v>85.47</v>
      </c>
      <c r="AC6" s="35">
        <f t="shared" si="4"/>
        <v>78.97</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567.87</v>
      </c>
      <c r="BG6" s="35">
        <f t="shared" ref="BG6:BO6" si="7">IF(BG7="",NA(),BG7)</f>
        <v>488.38</v>
      </c>
      <c r="BH6" s="35">
        <f t="shared" si="7"/>
        <v>338.39</v>
      </c>
      <c r="BI6" s="35">
        <f t="shared" si="7"/>
        <v>364.88</v>
      </c>
      <c r="BJ6" s="35">
        <f t="shared" si="7"/>
        <v>419.65</v>
      </c>
      <c r="BK6" s="35">
        <f t="shared" si="7"/>
        <v>1118.56</v>
      </c>
      <c r="BL6" s="35">
        <f t="shared" si="7"/>
        <v>716.96</v>
      </c>
      <c r="BM6" s="35">
        <f t="shared" si="7"/>
        <v>799.11</v>
      </c>
      <c r="BN6" s="35">
        <f t="shared" si="7"/>
        <v>768.62</v>
      </c>
      <c r="BO6" s="35">
        <f t="shared" si="7"/>
        <v>789.44</v>
      </c>
      <c r="BP6" s="34" t="str">
        <f>IF(BP7="","",IF(BP7="-","【-】","【"&amp;SUBSTITUTE(TEXT(BP7,"#,##0.00"),"-","△")&amp;"】"))</f>
        <v>【682.51】</v>
      </c>
      <c r="BQ6" s="35">
        <f>IF(BQ7="",NA(),BQ7)</f>
        <v>61.28</v>
      </c>
      <c r="BR6" s="35">
        <f t="shared" ref="BR6:BZ6" si="8">IF(BR7="",NA(),BR7)</f>
        <v>66.040000000000006</v>
      </c>
      <c r="BS6" s="35">
        <f t="shared" si="8"/>
        <v>76.63</v>
      </c>
      <c r="BT6" s="35">
        <f t="shared" si="8"/>
        <v>76.599999999999994</v>
      </c>
      <c r="BU6" s="35">
        <f t="shared" si="8"/>
        <v>68.72</v>
      </c>
      <c r="BV6" s="35">
        <f t="shared" si="8"/>
        <v>72.33</v>
      </c>
      <c r="BW6" s="35">
        <f t="shared" si="8"/>
        <v>88.09</v>
      </c>
      <c r="BX6" s="35">
        <f t="shared" si="8"/>
        <v>87.69</v>
      </c>
      <c r="BY6" s="35">
        <f t="shared" si="8"/>
        <v>88.06</v>
      </c>
      <c r="BZ6" s="35">
        <f t="shared" si="8"/>
        <v>87.29</v>
      </c>
      <c r="CA6" s="34" t="str">
        <f>IF(CA7="","",IF(CA7="-","【-】","【"&amp;SUBSTITUTE(TEXT(CA7,"#,##0.00"),"-","△")&amp;"】"))</f>
        <v>【100.34】</v>
      </c>
      <c r="CB6" s="35">
        <f>IF(CB7="",NA(),CB7)</f>
        <v>187.44</v>
      </c>
      <c r="CC6" s="35">
        <f t="shared" ref="CC6:CK6" si="9">IF(CC7="",NA(),CC7)</f>
        <v>174.15</v>
      </c>
      <c r="CD6" s="35">
        <f t="shared" si="9"/>
        <v>150</v>
      </c>
      <c r="CE6" s="35">
        <f t="shared" si="9"/>
        <v>150</v>
      </c>
      <c r="CF6" s="35">
        <f t="shared" si="9"/>
        <v>150</v>
      </c>
      <c r="CG6" s="35">
        <f t="shared" si="9"/>
        <v>215.28</v>
      </c>
      <c r="CH6" s="35">
        <f t="shared" si="9"/>
        <v>181.8</v>
      </c>
      <c r="CI6" s="35">
        <f t="shared" si="9"/>
        <v>180.07</v>
      </c>
      <c r="CJ6" s="35">
        <f t="shared" si="9"/>
        <v>179.32</v>
      </c>
      <c r="CK6" s="35">
        <f t="shared" si="9"/>
        <v>176.67</v>
      </c>
      <c r="CL6" s="34" t="str">
        <f>IF(CL7="","",IF(CL7="-","【-】","【"&amp;SUBSTITUTE(TEXT(CL7,"#,##0.00"),"-","△")&amp;"】"))</f>
        <v>【136.15】</v>
      </c>
      <c r="CM6" s="35" t="str">
        <f>IF(CM7="",NA(),CM7)</f>
        <v>-</v>
      </c>
      <c r="CN6" s="35" t="str">
        <f t="shared" ref="CN6:CV6" si="10">IF(CN7="",NA(),CN7)</f>
        <v>-</v>
      </c>
      <c r="CO6" s="35" t="str">
        <f t="shared" si="10"/>
        <v>-</v>
      </c>
      <c r="CP6" s="35" t="str">
        <f t="shared" si="10"/>
        <v>-</v>
      </c>
      <c r="CQ6" s="35" t="str">
        <f t="shared" si="10"/>
        <v>-</v>
      </c>
      <c r="CR6" s="35">
        <f t="shared" si="10"/>
        <v>54.67</v>
      </c>
      <c r="CS6" s="35">
        <f t="shared" si="10"/>
        <v>59.35</v>
      </c>
      <c r="CT6" s="35">
        <f t="shared" si="10"/>
        <v>58.4</v>
      </c>
      <c r="CU6" s="35">
        <f t="shared" si="10"/>
        <v>58</v>
      </c>
      <c r="CV6" s="35">
        <f t="shared" si="10"/>
        <v>57.42</v>
      </c>
      <c r="CW6" s="34" t="str">
        <f>IF(CW7="","",IF(CW7="-","【-】","【"&amp;SUBSTITUTE(TEXT(CW7,"#,##0.00"),"-","△")&amp;"】"))</f>
        <v>【59.64】</v>
      </c>
      <c r="CX6" s="35">
        <f>IF(CX7="",NA(),CX7)</f>
        <v>95.9</v>
      </c>
      <c r="CY6" s="35">
        <f t="shared" ref="CY6:DG6" si="11">IF(CY7="",NA(),CY7)</f>
        <v>95.57</v>
      </c>
      <c r="CZ6" s="35">
        <f t="shared" si="11"/>
        <v>95.58</v>
      </c>
      <c r="DA6" s="35">
        <f t="shared" si="11"/>
        <v>95.86</v>
      </c>
      <c r="DB6" s="35">
        <f t="shared" si="11"/>
        <v>95.99</v>
      </c>
      <c r="DC6" s="35">
        <f t="shared" si="11"/>
        <v>83.8</v>
      </c>
      <c r="DD6" s="35">
        <f t="shared" si="11"/>
        <v>89.88</v>
      </c>
      <c r="DE6" s="35">
        <f t="shared" si="11"/>
        <v>89.68</v>
      </c>
      <c r="DF6" s="35">
        <f t="shared" si="11"/>
        <v>89.79</v>
      </c>
      <c r="DG6" s="35">
        <f t="shared" si="11"/>
        <v>90.42</v>
      </c>
      <c r="DH6" s="34" t="str">
        <f>IF(DH7="","",IF(DH7="-","【-】","【"&amp;SUBSTITUTE(TEXT(DH7,"#,##0.00"),"-","△")&amp;"】"))</f>
        <v>【95.35】</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11</v>
      </c>
      <c r="EK6" s="35">
        <f t="shared" si="14"/>
        <v>0.19</v>
      </c>
      <c r="EL6" s="35">
        <f t="shared" si="14"/>
        <v>0.23</v>
      </c>
      <c r="EM6" s="35">
        <f t="shared" si="14"/>
        <v>0.21</v>
      </c>
      <c r="EN6" s="35">
        <f t="shared" si="14"/>
        <v>0.17</v>
      </c>
      <c r="EO6" s="34" t="str">
        <f>IF(EO7="","",IF(EO7="-","【-】","【"&amp;SUBSTITUTE(TEXT(EO7,"#,##0.00"),"-","△")&amp;"】"))</f>
        <v>【0.22】</v>
      </c>
    </row>
    <row r="7" spans="1:145" s="36" customFormat="1" x14ac:dyDescent="0.2">
      <c r="A7" s="28"/>
      <c r="B7" s="37">
        <v>2019</v>
      </c>
      <c r="C7" s="37">
        <v>143626</v>
      </c>
      <c r="D7" s="37">
        <v>47</v>
      </c>
      <c r="E7" s="37">
        <v>17</v>
      </c>
      <c r="F7" s="37">
        <v>1</v>
      </c>
      <c r="G7" s="37">
        <v>0</v>
      </c>
      <c r="H7" s="37" t="s">
        <v>98</v>
      </c>
      <c r="I7" s="37" t="s">
        <v>99</v>
      </c>
      <c r="J7" s="37" t="s">
        <v>100</v>
      </c>
      <c r="K7" s="37" t="s">
        <v>101</v>
      </c>
      <c r="L7" s="37" t="s">
        <v>102</v>
      </c>
      <c r="M7" s="37" t="s">
        <v>103</v>
      </c>
      <c r="N7" s="38" t="s">
        <v>104</v>
      </c>
      <c r="O7" s="38" t="s">
        <v>105</v>
      </c>
      <c r="P7" s="38">
        <v>90.56</v>
      </c>
      <c r="Q7" s="38">
        <v>73.849999999999994</v>
      </c>
      <c r="R7" s="38">
        <v>1792</v>
      </c>
      <c r="S7" s="38">
        <v>17326</v>
      </c>
      <c r="T7" s="38">
        <v>14.38</v>
      </c>
      <c r="U7" s="38">
        <v>1204.8699999999999</v>
      </c>
      <c r="V7" s="38">
        <v>15651</v>
      </c>
      <c r="W7" s="38">
        <v>4.24</v>
      </c>
      <c r="X7" s="38">
        <v>3691.27</v>
      </c>
      <c r="Y7" s="38">
        <v>75.349999999999994</v>
      </c>
      <c r="Z7" s="38">
        <v>78.459999999999994</v>
      </c>
      <c r="AA7" s="38">
        <v>86.97</v>
      </c>
      <c r="AB7" s="38">
        <v>85.47</v>
      </c>
      <c r="AC7" s="38">
        <v>78.97</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567.87</v>
      </c>
      <c r="BG7" s="38">
        <v>488.38</v>
      </c>
      <c r="BH7" s="38">
        <v>338.39</v>
      </c>
      <c r="BI7" s="38">
        <v>364.88</v>
      </c>
      <c r="BJ7" s="38">
        <v>419.65</v>
      </c>
      <c r="BK7" s="38">
        <v>1118.56</v>
      </c>
      <c r="BL7" s="38">
        <v>716.96</v>
      </c>
      <c r="BM7" s="38">
        <v>799.11</v>
      </c>
      <c r="BN7" s="38">
        <v>768.62</v>
      </c>
      <c r="BO7" s="38">
        <v>789.44</v>
      </c>
      <c r="BP7" s="38">
        <v>682.51</v>
      </c>
      <c r="BQ7" s="38">
        <v>61.28</v>
      </c>
      <c r="BR7" s="38">
        <v>66.040000000000006</v>
      </c>
      <c r="BS7" s="38">
        <v>76.63</v>
      </c>
      <c r="BT7" s="38">
        <v>76.599999999999994</v>
      </c>
      <c r="BU7" s="38">
        <v>68.72</v>
      </c>
      <c r="BV7" s="38">
        <v>72.33</v>
      </c>
      <c r="BW7" s="38">
        <v>88.09</v>
      </c>
      <c r="BX7" s="38">
        <v>87.69</v>
      </c>
      <c r="BY7" s="38">
        <v>88.06</v>
      </c>
      <c r="BZ7" s="38">
        <v>87.29</v>
      </c>
      <c r="CA7" s="38">
        <v>100.34</v>
      </c>
      <c r="CB7" s="38">
        <v>187.44</v>
      </c>
      <c r="CC7" s="38">
        <v>174.15</v>
      </c>
      <c r="CD7" s="38">
        <v>150</v>
      </c>
      <c r="CE7" s="38">
        <v>150</v>
      </c>
      <c r="CF7" s="38">
        <v>150</v>
      </c>
      <c r="CG7" s="38">
        <v>215.28</v>
      </c>
      <c r="CH7" s="38">
        <v>181.8</v>
      </c>
      <c r="CI7" s="38">
        <v>180.07</v>
      </c>
      <c r="CJ7" s="38">
        <v>179.32</v>
      </c>
      <c r="CK7" s="38">
        <v>176.67</v>
      </c>
      <c r="CL7" s="38">
        <v>136.15</v>
      </c>
      <c r="CM7" s="38" t="s">
        <v>104</v>
      </c>
      <c r="CN7" s="38" t="s">
        <v>104</v>
      </c>
      <c r="CO7" s="38" t="s">
        <v>104</v>
      </c>
      <c r="CP7" s="38" t="s">
        <v>104</v>
      </c>
      <c r="CQ7" s="38" t="s">
        <v>104</v>
      </c>
      <c r="CR7" s="38">
        <v>54.67</v>
      </c>
      <c r="CS7" s="38">
        <v>59.35</v>
      </c>
      <c r="CT7" s="38">
        <v>58.4</v>
      </c>
      <c r="CU7" s="38">
        <v>58</v>
      </c>
      <c r="CV7" s="38">
        <v>57.42</v>
      </c>
      <c r="CW7" s="38">
        <v>59.64</v>
      </c>
      <c r="CX7" s="38">
        <v>95.9</v>
      </c>
      <c r="CY7" s="38">
        <v>95.57</v>
      </c>
      <c r="CZ7" s="38">
        <v>95.58</v>
      </c>
      <c r="DA7" s="38">
        <v>95.86</v>
      </c>
      <c r="DB7" s="38">
        <v>95.99</v>
      </c>
      <c r="DC7" s="38">
        <v>83.8</v>
      </c>
      <c r="DD7" s="38">
        <v>89.88</v>
      </c>
      <c r="DE7" s="38">
        <v>89.68</v>
      </c>
      <c r="DF7" s="38">
        <v>89.79</v>
      </c>
      <c r="DG7" s="38">
        <v>90.42</v>
      </c>
      <c r="DH7" s="38">
        <v>95.35</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11</v>
      </c>
      <c r="EK7" s="38">
        <v>0.19</v>
      </c>
      <c r="EL7" s="38">
        <v>0.23</v>
      </c>
      <c r="EM7" s="38">
        <v>0.21</v>
      </c>
      <c r="EN7" s="38">
        <v>0.17</v>
      </c>
      <c r="EO7" s="38">
        <v>0.22</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6</v>
      </c>
      <c r="C9" s="40" t="s">
        <v>107</v>
      </c>
      <c r="D9" s="40" t="s">
        <v>108</v>
      </c>
      <c r="E9" s="40" t="s">
        <v>109</v>
      </c>
      <c r="F9" s="40" t="s">
        <v>110</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 t="shared" ref="B10:E10" si="15">DATEVALUE($B7+12-B11&amp;"/1/"&amp;B12)</f>
        <v>46388</v>
      </c>
      <c r="C10" s="41">
        <f t="shared" si="15"/>
        <v>46753</v>
      </c>
      <c r="D10" s="41">
        <f t="shared" si="15"/>
        <v>47119</v>
      </c>
      <c r="E10" s="41">
        <f t="shared" si="15"/>
        <v>47484</v>
      </c>
      <c r="F10" s="42">
        <f>DATEVALUE($B7+12-F11&amp;"/1/"&amp;F12)</f>
        <v>47849</v>
      </c>
    </row>
    <row r="11" spans="1:145" x14ac:dyDescent="0.2">
      <c r="B11">
        <v>4</v>
      </c>
      <c r="C11">
        <v>3</v>
      </c>
      <c r="D11">
        <v>2</v>
      </c>
      <c r="E11">
        <v>1</v>
      </c>
      <c r="F11">
        <v>0</v>
      </c>
      <c r="G11" t="s">
        <v>111</v>
      </c>
    </row>
    <row r="12" spans="1:145" x14ac:dyDescent="0.2">
      <c r="B12">
        <v>1</v>
      </c>
      <c r="C12">
        <v>1</v>
      </c>
      <c r="D12">
        <v>1</v>
      </c>
      <c r="E12">
        <v>1</v>
      </c>
      <c r="F12">
        <v>1</v>
      </c>
      <c r="G12" t="s">
        <v>112</v>
      </c>
    </row>
    <row r="13" spans="1:145" x14ac:dyDescent="0.2">
      <c r="B13" t="s">
        <v>113</v>
      </c>
      <c r="C13" t="s">
        <v>113</v>
      </c>
      <c r="D13" t="s">
        <v>113</v>
      </c>
      <c r="E13" t="s">
        <v>113</v>
      </c>
      <c r="F13" t="s">
        <v>114</v>
      </c>
      <c r="G13" t="s">
        <v>115</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20:41Z</cp:lastPrinted>
  <dcterms:created xsi:type="dcterms:W3CDTF">2020-12-04T02:45:40Z</dcterms:created>
  <dcterms:modified xsi:type="dcterms:W3CDTF">2021-02-24T07:20:44Z</dcterms:modified>
  <cp:category/>
</cp:coreProperties>
</file>